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10" yWindow="-110" windowWidth="23260" windowHeight="1272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C36" i="10"/>
  <c r="BE35" i="10"/>
  <c r="AM35" i="10"/>
  <c r="C35" i="10"/>
  <c r="CO34" i="10"/>
  <c r="CO35" i="10" s="1"/>
  <c r="BW34" i="10"/>
  <c r="BW35" i="10" s="1"/>
  <c r="BW36" i="10" s="1"/>
  <c r="BW37" i="10" s="1"/>
  <c r="AM34" i="10"/>
  <c r="U34" i="10"/>
  <c r="U35" i="10" s="1"/>
  <c r="U36" i="10" s="1"/>
  <c r="C34" i="10"/>
  <c r="BE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94"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二宮町</t>
    <phoneticPr fontId="5"/>
  </si>
  <si>
    <t>地方交付税種地</t>
    <rPh sb="0" eb="2">
      <t>チホウ</t>
    </rPh>
    <rPh sb="2" eb="5">
      <t>コウフゼイ</t>
    </rPh>
    <rPh sb="5" eb="6">
      <t>シュ</t>
    </rPh>
    <rPh sb="6" eb="7">
      <t>チ</t>
    </rPh>
    <phoneticPr fontId="5"/>
  </si>
  <si>
    <t>2-5</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9</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9</t>
    <phoneticPr fontId="5"/>
  </si>
  <si>
    <t>基準財政需要額</t>
    <phoneticPr fontId="25"/>
  </si>
  <si>
    <t>うち日本人(％)</t>
    <phoneticPr fontId="5"/>
  </si>
  <si>
    <t>-1.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t>
    <phoneticPr fontId="5"/>
  </si>
  <si>
    <t>*</t>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二宮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二宮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純損益
（形式収支）</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特別会計</t>
    <phoneticPr fontId="5"/>
  </si>
  <si>
    <t>-</t>
    <phoneticPr fontId="5"/>
  </si>
  <si>
    <t>-</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t>
    <phoneticPr fontId="5"/>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t>
    <phoneticPr fontId="5"/>
  </si>
  <si>
    <t>利子補給に係るもの</t>
  </si>
  <si>
    <t>-</t>
    <phoneticPr fontId="5"/>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05</t>
  </si>
  <si>
    <t>一般会計</t>
  </si>
  <si>
    <t>介護保険特別会計</t>
  </si>
  <si>
    <t>国民健康保険特別会計</t>
  </si>
  <si>
    <t>下水道事業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16" eb="18">
      <t>ジギョウ</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町村情報システム共同事業組合</t>
    <rPh sb="4" eb="6">
      <t>チョウソン</t>
    </rPh>
    <rPh sb="6" eb="8">
      <t>ジョウホウ</t>
    </rPh>
    <rPh sb="12" eb="14">
      <t>キョウドウ</t>
    </rPh>
    <rPh sb="14" eb="16">
      <t>ジギョウ</t>
    </rPh>
    <rPh sb="16" eb="18">
      <t>クミアイ</t>
    </rPh>
    <phoneticPr fontId="2"/>
  </si>
  <si>
    <t>二宮町土地開発公社</t>
    <rPh sb="0" eb="3">
      <t>ニノミヤマチ</t>
    </rPh>
    <rPh sb="3" eb="5">
      <t>トチ</t>
    </rPh>
    <rPh sb="5" eb="7">
      <t>カイハツ</t>
    </rPh>
    <rPh sb="7" eb="9">
      <t>コウシャ</t>
    </rPh>
    <phoneticPr fontId="2"/>
  </si>
  <si>
    <t>（公財）かながわ海岸美化財団</t>
    <rPh sb="1" eb="2">
      <t>コウ</t>
    </rPh>
    <rPh sb="2" eb="3">
      <t>ザイ</t>
    </rPh>
    <rPh sb="8" eb="10">
      <t>カイガン</t>
    </rPh>
    <rPh sb="10" eb="12">
      <t>ビカ</t>
    </rPh>
    <rPh sb="12" eb="14">
      <t>ザイダン</t>
    </rPh>
    <phoneticPr fontId="2"/>
  </si>
  <si>
    <t>公共施設整備基金</t>
    <rPh sb="0" eb="2">
      <t>コウキョウ</t>
    </rPh>
    <rPh sb="2" eb="4">
      <t>シセツ</t>
    </rPh>
    <rPh sb="4" eb="6">
      <t>セイビ</t>
    </rPh>
    <rPh sb="6" eb="8">
      <t>キキン</t>
    </rPh>
    <phoneticPr fontId="5"/>
  </si>
  <si>
    <t>庁舎整備基金</t>
    <rPh sb="0" eb="2">
      <t>チョウシャ</t>
    </rPh>
    <rPh sb="2" eb="4">
      <t>セイビ</t>
    </rPh>
    <rPh sb="4" eb="6">
      <t>キキン</t>
    </rPh>
    <phoneticPr fontId="2"/>
  </si>
  <si>
    <t>災害対策基金</t>
    <rPh sb="0" eb="2">
      <t>サイガイ</t>
    </rPh>
    <rPh sb="2" eb="4">
      <t>タイサク</t>
    </rPh>
    <rPh sb="4" eb="6">
      <t>キキン</t>
    </rPh>
    <phoneticPr fontId="2"/>
  </si>
  <si>
    <t>地域福祉基金</t>
    <rPh sb="0" eb="2">
      <t>チイキ</t>
    </rPh>
    <rPh sb="2" eb="4">
      <t>フクシ</t>
    </rPh>
    <rPh sb="4" eb="6">
      <t>キキン</t>
    </rPh>
    <phoneticPr fontId="2"/>
  </si>
  <si>
    <t>みどり基金</t>
    <rPh sb="3" eb="5">
      <t>キキン</t>
    </rPh>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将来負担比率については、類似団体平均を上回っているものの、近年の地方債発行の抑制及び償還が進んでいることにより、数値は減少傾向にある。今後の施設の更新等における地方債の発行状況によっては、再び数値が増加することが予想されるため、状況を見極めつつ計画的かつ効果的な更新と財源の確保に努める。
有形固定資産減価償却率については、施設の老朽化により高い数値となっている。ただし、大きな要因となっている庁舎や地域集会施設については、先に述べたように施設の更新・改修を行うことになれば、今後数値は改善される。</t>
    <rPh sb="0" eb="2">
      <t>ショウライ</t>
    </rPh>
    <rPh sb="2" eb="4">
      <t>フタン</t>
    </rPh>
    <rPh sb="4" eb="6">
      <t>ヒリツ</t>
    </rPh>
    <rPh sb="12" eb="14">
      <t>ルイジ</t>
    </rPh>
    <rPh sb="14" eb="16">
      <t>ダンタイ</t>
    </rPh>
    <rPh sb="16" eb="18">
      <t>ヘイキン</t>
    </rPh>
    <rPh sb="19" eb="21">
      <t>ウワマワ</t>
    </rPh>
    <rPh sb="29" eb="31">
      <t>キンネン</t>
    </rPh>
    <rPh sb="32" eb="34">
      <t>チホウ</t>
    </rPh>
    <rPh sb="34" eb="35">
      <t>サイ</t>
    </rPh>
    <rPh sb="35" eb="37">
      <t>ハッコウ</t>
    </rPh>
    <rPh sb="38" eb="40">
      <t>ヨクセイ</t>
    </rPh>
    <rPh sb="40" eb="41">
      <t>オヨ</t>
    </rPh>
    <rPh sb="42" eb="44">
      <t>ショウカン</t>
    </rPh>
    <rPh sb="45" eb="46">
      <t>スス</t>
    </rPh>
    <rPh sb="56" eb="58">
      <t>スウチ</t>
    </rPh>
    <rPh sb="59" eb="61">
      <t>ゲンショウ</t>
    </rPh>
    <rPh sb="61" eb="63">
      <t>ケイコウ</t>
    </rPh>
    <rPh sb="67" eb="69">
      <t>コンゴ</t>
    </rPh>
    <rPh sb="70" eb="72">
      <t>シセツ</t>
    </rPh>
    <rPh sb="73" eb="75">
      <t>コウシン</t>
    </rPh>
    <rPh sb="75" eb="76">
      <t>ナド</t>
    </rPh>
    <rPh sb="80" eb="82">
      <t>チホウ</t>
    </rPh>
    <rPh sb="82" eb="83">
      <t>サイ</t>
    </rPh>
    <rPh sb="84" eb="86">
      <t>ハッコウ</t>
    </rPh>
    <rPh sb="86" eb="88">
      <t>ジョウキョウ</t>
    </rPh>
    <rPh sb="94" eb="95">
      <t>フタタ</t>
    </rPh>
    <rPh sb="96" eb="98">
      <t>スウチ</t>
    </rPh>
    <rPh sb="99" eb="101">
      <t>ゾウカ</t>
    </rPh>
    <rPh sb="106" eb="108">
      <t>ヨソウ</t>
    </rPh>
    <rPh sb="114" eb="116">
      <t>ジョウキョウ</t>
    </rPh>
    <rPh sb="117" eb="119">
      <t>ミキワ</t>
    </rPh>
    <rPh sb="122" eb="125">
      <t>ケイカクテキ</t>
    </rPh>
    <rPh sb="127" eb="130">
      <t>コウカテキ</t>
    </rPh>
    <rPh sb="131" eb="133">
      <t>コウシン</t>
    </rPh>
    <rPh sb="134" eb="136">
      <t>ザイゲン</t>
    </rPh>
    <rPh sb="137" eb="139">
      <t>カクホ</t>
    </rPh>
    <rPh sb="140" eb="141">
      <t>ツト</t>
    </rPh>
    <rPh sb="145" eb="147">
      <t>ユウケイ</t>
    </rPh>
    <rPh sb="147" eb="149">
      <t>コテイ</t>
    </rPh>
    <rPh sb="149" eb="151">
      <t>シサン</t>
    </rPh>
    <rPh sb="151" eb="153">
      <t>ゲンカ</t>
    </rPh>
    <rPh sb="153" eb="155">
      <t>ショウキャク</t>
    </rPh>
    <rPh sb="155" eb="156">
      <t>リツ</t>
    </rPh>
    <rPh sb="162" eb="164">
      <t>シセツ</t>
    </rPh>
    <rPh sb="165" eb="168">
      <t>ロウキュウカ</t>
    </rPh>
    <rPh sb="171" eb="172">
      <t>タカ</t>
    </rPh>
    <rPh sb="173" eb="175">
      <t>スウチ</t>
    </rPh>
    <rPh sb="186" eb="187">
      <t>オオ</t>
    </rPh>
    <rPh sb="189" eb="191">
      <t>ヨウイン</t>
    </rPh>
    <rPh sb="197" eb="199">
      <t>チョウシャ</t>
    </rPh>
    <rPh sb="200" eb="202">
      <t>チイキ</t>
    </rPh>
    <rPh sb="202" eb="204">
      <t>シュウカイ</t>
    </rPh>
    <rPh sb="204" eb="206">
      <t>シセツ</t>
    </rPh>
    <rPh sb="212" eb="213">
      <t>サキ</t>
    </rPh>
    <rPh sb="214" eb="215">
      <t>ノ</t>
    </rPh>
    <rPh sb="220" eb="222">
      <t>シセツ</t>
    </rPh>
    <rPh sb="223" eb="225">
      <t>コウシン</t>
    </rPh>
    <rPh sb="226" eb="228">
      <t>カイシュウ</t>
    </rPh>
    <rPh sb="229" eb="230">
      <t>オコナ</t>
    </rPh>
    <rPh sb="238" eb="240">
      <t>コンゴ</t>
    </rPh>
    <rPh sb="240" eb="242">
      <t>スウチ</t>
    </rPh>
    <rPh sb="243" eb="245">
      <t>カイゼ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比率は、元利償還金の決算額が増となっているものの、交付税措置の対象となる地方債を中心に発行するなどしたことから、昨年度と同様の数値となった。類似団体平均と比較しても、平均値を下回っている。ただし、庁舎の更新等を行う際に地方債を発行する場合、その時点で交付税措置率の高い地方債が選択できない可能性があることから、数値の急激な上昇を招くことのないよう、二宮町公共施設再配置・町有地有効活用実施計画などに基づいた計画的な事業の実施を推進するとともに、適切な財源の確保に努めることで過度の将来負担を生じさせることのないようにする必要がある。</t>
    <rPh sb="0" eb="2">
      <t>ジッシツ</t>
    </rPh>
    <rPh sb="2" eb="4">
      <t>コウサイ</t>
    </rPh>
    <rPh sb="4" eb="6">
      <t>ヒリツ</t>
    </rPh>
    <rPh sb="8" eb="10">
      <t>ガンリ</t>
    </rPh>
    <rPh sb="10" eb="13">
      <t>ショウカンキン</t>
    </rPh>
    <rPh sb="14" eb="16">
      <t>ケッサン</t>
    </rPh>
    <rPh sb="16" eb="17">
      <t>ガク</t>
    </rPh>
    <rPh sb="18" eb="19">
      <t>ゾウ</t>
    </rPh>
    <rPh sb="29" eb="32">
      <t>コウフゼイ</t>
    </rPh>
    <rPh sb="32" eb="34">
      <t>ソチ</t>
    </rPh>
    <rPh sb="35" eb="37">
      <t>タイショウ</t>
    </rPh>
    <rPh sb="40" eb="42">
      <t>チホウ</t>
    </rPh>
    <rPh sb="42" eb="43">
      <t>サイ</t>
    </rPh>
    <rPh sb="44" eb="46">
      <t>チュウシン</t>
    </rPh>
    <rPh sb="47" eb="49">
      <t>ハッコウ</t>
    </rPh>
    <rPh sb="60" eb="63">
      <t>サクネンド</t>
    </rPh>
    <rPh sb="64" eb="66">
      <t>ドウヨウ</t>
    </rPh>
    <rPh sb="67" eb="69">
      <t>スウチ</t>
    </rPh>
    <rPh sb="74" eb="76">
      <t>ルイジ</t>
    </rPh>
    <rPh sb="76" eb="78">
      <t>ダンタイ</t>
    </rPh>
    <rPh sb="78" eb="80">
      <t>ヘイキン</t>
    </rPh>
    <rPh sb="81" eb="83">
      <t>ヒカク</t>
    </rPh>
    <rPh sb="87" eb="89">
      <t>ヘイキン</t>
    </rPh>
    <rPh sb="89" eb="90">
      <t>チ</t>
    </rPh>
    <rPh sb="91" eb="93">
      <t>シタマワ</t>
    </rPh>
    <rPh sb="102" eb="104">
      <t>チョウシャ</t>
    </rPh>
    <rPh sb="105" eb="107">
      <t>コウシン</t>
    </rPh>
    <rPh sb="107" eb="108">
      <t>ナド</t>
    </rPh>
    <rPh sb="109" eb="110">
      <t>オコナ</t>
    </rPh>
    <rPh sb="111" eb="112">
      <t>サイ</t>
    </rPh>
    <rPh sb="113" eb="115">
      <t>チホウ</t>
    </rPh>
    <rPh sb="115" eb="116">
      <t>サイ</t>
    </rPh>
    <rPh sb="117" eb="119">
      <t>ハッコウ</t>
    </rPh>
    <rPh sb="121" eb="123">
      <t>バアイ</t>
    </rPh>
    <rPh sb="126" eb="128">
      <t>ジテン</t>
    </rPh>
    <rPh sb="129" eb="132">
      <t>コウフゼイ</t>
    </rPh>
    <rPh sb="132" eb="134">
      <t>ソチ</t>
    </rPh>
    <rPh sb="134" eb="135">
      <t>リツ</t>
    </rPh>
    <rPh sb="136" eb="137">
      <t>タカ</t>
    </rPh>
    <rPh sb="138" eb="140">
      <t>チホウ</t>
    </rPh>
    <rPh sb="140" eb="141">
      <t>サイ</t>
    </rPh>
    <rPh sb="142" eb="144">
      <t>センタク</t>
    </rPh>
    <rPh sb="148" eb="151">
      <t>カノウセイ</t>
    </rPh>
    <rPh sb="159" eb="161">
      <t>スウチ</t>
    </rPh>
    <rPh sb="162" eb="164">
      <t>キュウゲキ</t>
    </rPh>
    <rPh sb="165" eb="167">
      <t>ジョウショウ</t>
    </rPh>
    <rPh sb="168" eb="169">
      <t>マネ</t>
    </rPh>
    <rPh sb="178" eb="181">
      <t>ニノミヤマチ</t>
    </rPh>
    <rPh sb="181" eb="183">
      <t>コウキョウ</t>
    </rPh>
    <rPh sb="183" eb="185">
      <t>シセツ</t>
    </rPh>
    <rPh sb="185" eb="188">
      <t>サイハイチ</t>
    </rPh>
    <rPh sb="189" eb="192">
      <t>チョウユウチ</t>
    </rPh>
    <rPh sb="192" eb="194">
      <t>ユウコウ</t>
    </rPh>
    <rPh sb="194" eb="196">
      <t>カツヨウ</t>
    </rPh>
    <rPh sb="196" eb="198">
      <t>ジッシ</t>
    </rPh>
    <rPh sb="198" eb="200">
      <t>ケイカク</t>
    </rPh>
    <rPh sb="203" eb="204">
      <t>モト</t>
    </rPh>
    <rPh sb="207" eb="210">
      <t>ケイカクテキ</t>
    </rPh>
    <rPh sb="211" eb="213">
      <t>ジギョウ</t>
    </rPh>
    <rPh sb="214" eb="216">
      <t>ジッシ</t>
    </rPh>
    <rPh sb="217" eb="219">
      <t>スイシン</t>
    </rPh>
    <rPh sb="226" eb="228">
      <t>テキセツ</t>
    </rPh>
    <rPh sb="229" eb="231">
      <t>ザイゲン</t>
    </rPh>
    <rPh sb="232" eb="234">
      <t>カクホ</t>
    </rPh>
    <rPh sb="235" eb="236">
      <t>ツト</t>
    </rPh>
    <rPh sb="241" eb="243">
      <t>カド</t>
    </rPh>
    <rPh sb="244" eb="246">
      <t>ショウライ</t>
    </rPh>
    <rPh sb="246" eb="248">
      <t>フタン</t>
    </rPh>
    <rPh sb="249" eb="250">
      <t>ショウ</t>
    </rPh>
    <rPh sb="264" eb="266">
      <t>ヒツヨウ</t>
    </rPh>
    <phoneticPr fontId="2"/>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4">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0" fontId="13" fillId="0" borderId="52" xfId="1" applyFont="1" applyFill="1" applyBorder="1" applyAlignment="1">
      <alignment horizontal="center" vertical="center"/>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1" fillId="0" borderId="0" xfId="11" applyAlignment="1">
      <alignment horizontal="right" vertical="center" shrinkToFit="1"/>
    </xf>
    <xf numFmtId="0" fontId="1" fillId="0" borderId="85" xfId="11" applyBorder="1" applyAlignment="1">
      <alignment horizontal="right" vertical="center" shrinkToFit="1"/>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181" fontId="1" fillId="0" borderId="85" xfId="11" applyNumberForma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7387</c:v>
                </c:pt>
                <c:pt idx="1">
                  <c:v>51264</c:v>
                </c:pt>
                <c:pt idx="2">
                  <c:v>52068</c:v>
                </c:pt>
                <c:pt idx="3">
                  <c:v>47161</c:v>
                </c:pt>
                <c:pt idx="4">
                  <c:v>43423</c:v>
                </c:pt>
              </c:numCache>
            </c:numRef>
          </c:val>
          <c:smooth val="0"/>
          <c:extLst>
            <c:ext xmlns:c16="http://schemas.microsoft.com/office/drawing/2014/chart" uri="{C3380CC4-5D6E-409C-BE32-E72D297353CC}">
              <c16:uniqueId val="{00000000-3F03-4902-A21B-4BD8802791B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11584</c:v>
                </c:pt>
                <c:pt idx="1">
                  <c:v>48267</c:v>
                </c:pt>
                <c:pt idx="2">
                  <c:v>15806</c:v>
                </c:pt>
                <c:pt idx="3">
                  <c:v>10714</c:v>
                </c:pt>
                <c:pt idx="4">
                  <c:v>18319</c:v>
                </c:pt>
              </c:numCache>
            </c:numRef>
          </c:val>
          <c:smooth val="0"/>
          <c:extLst>
            <c:ext xmlns:c16="http://schemas.microsoft.com/office/drawing/2014/chart" uri="{C3380CC4-5D6E-409C-BE32-E72D297353CC}">
              <c16:uniqueId val="{00000001-3F03-4902-A21B-4BD8802791B2}"/>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4.37</c:v>
                </c:pt>
                <c:pt idx="1">
                  <c:v>4.91</c:v>
                </c:pt>
                <c:pt idx="2">
                  <c:v>6.6</c:v>
                </c:pt>
                <c:pt idx="3">
                  <c:v>8.23</c:v>
                </c:pt>
                <c:pt idx="4">
                  <c:v>7.78</c:v>
                </c:pt>
              </c:numCache>
            </c:numRef>
          </c:val>
          <c:extLst>
            <c:ext xmlns:c16="http://schemas.microsoft.com/office/drawing/2014/chart" uri="{C3380CC4-5D6E-409C-BE32-E72D297353CC}">
              <c16:uniqueId val="{00000000-9497-4B30-B88C-0D7FA69C36EC}"/>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5.24</c:v>
                </c:pt>
                <c:pt idx="1">
                  <c:v>16.21</c:v>
                </c:pt>
                <c:pt idx="2">
                  <c:v>14.06</c:v>
                </c:pt>
                <c:pt idx="3">
                  <c:v>14.84</c:v>
                </c:pt>
                <c:pt idx="4">
                  <c:v>16.010000000000002</c:v>
                </c:pt>
              </c:numCache>
            </c:numRef>
          </c:val>
          <c:extLst>
            <c:ext xmlns:c16="http://schemas.microsoft.com/office/drawing/2014/chart" uri="{C3380CC4-5D6E-409C-BE32-E72D297353CC}">
              <c16:uniqueId val="{00000001-9497-4B30-B88C-0D7FA69C36EC}"/>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61</c:v>
                </c:pt>
                <c:pt idx="1">
                  <c:v>1.56</c:v>
                </c:pt>
                <c:pt idx="2">
                  <c:v>0.18</c:v>
                </c:pt>
                <c:pt idx="3">
                  <c:v>3.77</c:v>
                </c:pt>
                <c:pt idx="4">
                  <c:v>-0.05</c:v>
                </c:pt>
              </c:numCache>
            </c:numRef>
          </c:val>
          <c:smooth val="0"/>
          <c:extLst>
            <c:ext xmlns:c16="http://schemas.microsoft.com/office/drawing/2014/chart" uri="{C3380CC4-5D6E-409C-BE32-E72D297353CC}">
              <c16:uniqueId val="{00000002-9497-4B30-B88C-0D7FA69C36EC}"/>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2AB3-4680-BD30-554A30F138B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2AB3-4680-BD30-554A30F138BD}"/>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2AB3-4680-BD30-554A30F138BD}"/>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2AB3-4680-BD30-554A30F138BD}"/>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2AB3-4680-BD30-554A30F138BD}"/>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41</c:v>
                </c:pt>
                <c:pt idx="2">
                  <c:v>#N/A</c:v>
                </c:pt>
                <c:pt idx="3">
                  <c:v>0.66</c:v>
                </c:pt>
                <c:pt idx="4">
                  <c:v>#N/A</c:v>
                </c:pt>
                <c:pt idx="5">
                  <c:v>0.09</c:v>
                </c:pt>
                <c:pt idx="6">
                  <c:v>#N/A</c:v>
                </c:pt>
                <c:pt idx="7">
                  <c:v>0.05</c:v>
                </c:pt>
                <c:pt idx="8">
                  <c:v>#N/A</c:v>
                </c:pt>
                <c:pt idx="9">
                  <c:v>0.31</c:v>
                </c:pt>
              </c:numCache>
            </c:numRef>
          </c:val>
          <c:extLst>
            <c:ext xmlns:c16="http://schemas.microsoft.com/office/drawing/2014/chart" uri="{C3380CC4-5D6E-409C-BE32-E72D297353CC}">
              <c16:uniqueId val="{00000005-2AB3-4680-BD30-554A30F138BD}"/>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09</c:v>
                </c:pt>
                <c:pt idx="2">
                  <c:v>#N/A</c:v>
                </c:pt>
                <c:pt idx="3">
                  <c:v>0.2</c:v>
                </c:pt>
                <c:pt idx="4">
                  <c:v>#N/A</c:v>
                </c:pt>
                <c:pt idx="5">
                  <c:v>0.36</c:v>
                </c:pt>
                <c:pt idx="6">
                  <c:v>#N/A</c:v>
                </c:pt>
                <c:pt idx="7">
                  <c:v>0.25</c:v>
                </c:pt>
                <c:pt idx="8">
                  <c:v>#N/A</c:v>
                </c:pt>
                <c:pt idx="9">
                  <c:v>0.79</c:v>
                </c:pt>
              </c:numCache>
            </c:numRef>
          </c:val>
          <c:extLst>
            <c:ext xmlns:c16="http://schemas.microsoft.com/office/drawing/2014/chart" uri="{C3380CC4-5D6E-409C-BE32-E72D297353CC}">
              <c16:uniqueId val="{00000006-2AB3-4680-BD30-554A30F138BD}"/>
            </c:ext>
          </c:extLst>
        </c:ser>
        <c:ser>
          <c:idx val="7"/>
          <c:order val="7"/>
          <c:tx>
            <c:strRef>
              <c:f>データシート!$A$34</c:f>
              <c:strCache>
                <c:ptCount val="1"/>
                <c:pt idx="0">
                  <c:v>国民健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37</c:v>
                </c:pt>
                <c:pt idx="2">
                  <c:v>#N/A</c:v>
                </c:pt>
                <c:pt idx="3">
                  <c:v>0.63</c:v>
                </c:pt>
                <c:pt idx="4">
                  <c:v>#N/A</c:v>
                </c:pt>
                <c:pt idx="5">
                  <c:v>0.45</c:v>
                </c:pt>
                <c:pt idx="6">
                  <c:v>#N/A</c:v>
                </c:pt>
                <c:pt idx="7">
                  <c:v>1.19</c:v>
                </c:pt>
                <c:pt idx="8">
                  <c:v>#N/A</c:v>
                </c:pt>
                <c:pt idx="9">
                  <c:v>0.91</c:v>
                </c:pt>
              </c:numCache>
            </c:numRef>
          </c:val>
          <c:extLst>
            <c:ext xmlns:c16="http://schemas.microsoft.com/office/drawing/2014/chart" uri="{C3380CC4-5D6E-409C-BE32-E72D297353CC}">
              <c16:uniqueId val="{00000007-2AB3-4680-BD30-554A30F138BD}"/>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0.97</c:v>
                </c:pt>
                <c:pt idx="2">
                  <c:v>#N/A</c:v>
                </c:pt>
                <c:pt idx="3">
                  <c:v>1.1000000000000001</c:v>
                </c:pt>
                <c:pt idx="4">
                  <c:v>#N/A</c:v>
                </c:pt>
                <c:pt idx="5">
                  <c:v>1.19</c:v>
                </c:pt>
                <c:pt idx="6">
                  <c:v>#N/A</c:v>
                </c:pt>
                <c:pt idx="7">
                  <c:v>1.38</c:v>
                </c:pt>
                <c:pt idx="8">
                  <c:v>#N/A</c:v>
                </c:pt>
                <c:pt idx="9">
                  <c:v>1.48</c:v>
                </c:pt>
              </c:numCache>
            </c:numRef>
          </c:val>
          <c:extLst>
            <c:ext xmlns:c16="http://schemas.microsoft.com/office/drawing/2014/chart" uri="{C3380CC4-5D6E-409C-BE32-E72D297353CC}">
              <c16:uniqueId val="{00000008-2AB3-4680-BD30-554A30F138BD}"/>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4.3600000000000003</c:v>
                </c:pt>
                <c:pt idx="2">
                  <c:v>#N/A</c:v>
                </c:pt>
                <c:pt idx="3">
                  <c:v>4.91</c:v>
                </c:pt>
                <c:pt idx="4">
                  <c:v>#N/A</c:v>
                </c:pt>
                <c:pt idx="5">
                  <c:v>6.59</c:v>
                </c:pt>
                <c:pt idx="6">
                  <c:v>#N/A</c:v>
                </c:pt>
                <c:pt idx="7">
                  <c:v>8.2200000000000006</c:v>
                </c:pt>
                <c:pt idx="8">
                  <c:v>#N/A</c:v>
                </c:pt>
                <c:pt idx="9">
                  <c:v>7.78</c:v>
                </c:pt>
              </c:numCache>
            </c:numRef>
          </c:val>
          <c:extLst>
            <c:ext xmlns:c16="http://schemas.microsoft.com/office/drawing/2014/chart" uri="{C3380CC4-5D6E-409C-BE32-E72D297353CC}">
              <c16:uniqueId val="{00000009-2AB3-4680-BD30-554A30F138BD}"/>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707</c:v>
                </c:pt>
                <c:pt idx="5">
                  <c:v>658</c:v>
                </c:pt>
                <c:pt idx="8">
                  <c:v>674</c:v>
                </c:pt>
                <c:pt idx="11">
                  <c:v>675</c:v>
                </c:pt>
                <c:pt idx="14">
                  <c:v>689</c:v>
                </c:pt>
              </c:numCache>
            </c:numRef>
          </c:val>
          <c:extLst>
            <c:ext xmlns:c16="http://schemas.microsoft.com/office/drawing/2014/chart" uri="{C3380CC4-5D6E-409C-BE32-E72D297353CC}">
              <c16:uniqueId val="{00000000-7CED-42AF-B2BA-0E75599C794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7CED-42AF-B2BA-0E75599C794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7CED-42AF-B2BA-0E75599C794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CED-42AF-B2BA-0E75599C794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364</c:v>
                </c:pt>
                <c:pt idx="3">
                  <c:v>278</c:v>
                </c:pt>
                <c:pt idx="6">
                  <c:v>266</c:v>
                </c:pt>
                <c:pt idx="9">
                  <c:v>285</c:v>
                </c:pt>
                <c:pt idx="12">
                  <c:v>288</c:v>
                </c:pt>
              </c:numCache>
            </c:numRef>
          </c:val>
          <c:extLst>
            <c:ext xmlns:c16="http://schemas.microsoft.com/office/drawing/2014/chart" uri="{C3380CC4-5D6E-409C-BE32-E72D297353CC}">
              <c16:uniqueId val="{00000004-7CED-42AF-B2BA-0E75599C794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CED-42AF-B2BA-0E75599C794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7CED-42AF-B2BA-0E75599C794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652</c:v>
                </c:pt>
                <c:pt idx="3">
                  <c:v>659</c:v>
                </c:pt>
                <c:pt idx="6">
                  <c:v>636</c:v>
                </c:pt>
                <c:pt idx="9">
                  <c:v>653</c:v>
                </c:pt>
                <c:pt idx="12">
                  <c:v>702</c:v>
                </c:pt>
              </c:numCache>
            </c:numRef>
          </c:val>
          <c:extLst>
            <c:ext xmlns:c16="http://schemas.microsoft.com/office/drawing/2014/chart" uri="{C3380CC4-5D6E-409C-BE32-E72D297353CC}">
              <c16:uniqueId val="{00000007-7CED-42AF-B2BA-0E75599C7944}"/>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309</c:v>
                </c:pt>
                <c:pt idx="2">
                  <c:v>#N/A</c:v>
                </c:pt>
                <c:pt idx="3">
                  <c:v>#N/A</c:v>
                </c:pt>
                <c:pt idx="4">
                  <c:v>279</c:v>
                </c:pt>
                <c:pt idx="5">
                  <c:v>#N/A</c:v>
                </c:pt>
                <c:pt idx="6">
                  <c:v>#N/A</c:v>
                </c:pt>
                <c:pt idx="7">
                  <c:v>228</c:v>
                </c:pt>
                <c:pt idx="8">
                  <c:v>#N/A</c:v>
                </c:pt>
                <c:pt idx="9">
                  <c:v>#N/A</c:v>
                </c:pt>
                <c:pt idx="10">
                  <c:v>263</c:v>
                </c:pt>
                <c:pt idx="11">
                  <c:v>#N/A</c:v>
                </c:pt>
                <c:pt idx="12">
                  <c:v>#N/A</c:v>
                </c:pt>
                <c:pt idx="13">
                  <c:v>301</c:v>
                </c:pt>
                <c:pt idx="14">
                  <c:v>#N/A</c:v>
                </c:pt>
              </c:numCache>
            </c:numRef>
          </c:val>
          <c:smooth val="0"/>
          <c:extLst>
            <c:ext xmlns:c16="http://schemas.microsoft.com/office/drawing/2014/chart" uri="{C3380CC4-5D6E-409C-BE32-E72D297353CC}">
              <c16:uniqueId val="{00000008-7CED-42AF-B2BA-0E75599C7944}"/>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8914</c:v>
                </c:pt>
                <c:pt idx="5">
                  <c:v>9053</c:v>
                </c:pt>
                <c:pt idx="8">
                  <c:v>8921</c:v>
                </c:pt>
                <c:pt idx="11">
                  <c:v>8780</c:v>
                </c:pt>
                <c:pt idx="14">
                  <c:v>8401</c:v>
                </c:pt>
              </c:numCache>
            </c:numRef>
          </c:val>
          <c:extLst>
            <c:ext xmlns:c16="http://schemas.microsoft.com/office/drawing/2014/chart" uri="{C3380CC4-5D6E-409C-BE32-E72D297353CC}">
              <c16:uniqueId val="{00000000-69BE-48E8-8E89-BC71557E6102}"/>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69BE-48E8-8E89-BC71557E6102}"/>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914</c:v>
                </c:pt>
                <c:pt idx="5">
                  <c:v>2074</c:v>
                </c:pt>
                <c:pt idx="8">
                  <c:v>2237</c:v>
                </c:pt>
                <c:pt idx="11">
                  <c:v>2705</c:v>
                </c:pt>
                <c:pt idx="14">
                  <c:v>2837</c:v>
                </c:pt>
              </c:numCache>
            </c:numRef>
          </c:val>
          <c:extLst>
            <c:ext xmlns:c16="http://schemas.microsoft.com/office/drawing/2014/chart" uri="{C3380CC4-5D6E-409C-BE32-E72D297353CC}">
              <c16:uniqueId val="{00000002-69BE-48E8-8E89-BC71557E6102}"/>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69BE-48E8-8E89-BC71557E6102}"/>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69BE-48E8-8E89-BC71557E6102}"/>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69BE-48E8-8E89-BC71557E6102}"/>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232</c:v>
                </c:pt>
                <c:pt idx="3">
                  <c:v>1203</c:v>
                </c:pt>
                <c:pt idx="6">
                  <c:v>1160</c:v>
                </c:pt>
                <c:pt idx="9">
                  <c:v>1136</c:v>
                </c:pt>
                <c:pt idx="12">
                  <c:v>1039</c:v>
                </c:pt>
              </c:numCache>
            </c:numRef>
          </c:val>
          <c:extLst>
            <c:ext xmlns:c16="http://schemas.microsoft.com/office/drawing/2014/chart" uri="{C3380CC4-5D6E-409C-BE32-E72D297353CC}">
              <c16:uniqueId val="{00000006-69BE-48E8-8E89-BC71557E6102}"/>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69BE-48E8-8E89-BC71557E6102}"/>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4125</c:v>
                </c:pt>
                <c:pt idx="3">
                  <c:v>3688</c:v>
                </c:pt>
                <c:pt idx="6">
                  <c:v>3355</c:v>
                </c:pt>
                <c:pt idx="9">
                  <c:v>3330</c:v>
                </c:pt>
                <c:pt idx="12">
                  <c:v>3487</c:v>
                </c:pt>
              </c:numCache>
            </c:numRef>
          </c:val>
          <c:extLst>
            <c:ext xmlns:c16="http://schemas.microsoft.com/office/drawing/2014/chart" uri="{C3380CC4-5D6E-409C-BE32-E72D297353CC}">
              <c16:uniqueId val="{00000008-69BE-48E8-8E89-BC71557E6102}"/>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69BE-48E8-8E89-BC71557E6102}"/>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7104</c:v>
                </c:pt>
                <c:pt idx="3">
                  <c:v>7620</c:v>
                </c:pt>
                <c:pt idx="6">
                  <c:v>7518</c:v>
                </c:pt>
                <c:pt idx="9">
                  <c:v>7350</c:v>
                </c:pt>
                <c:pt idx="12">
                  <c:v>6980</c:v>
                </c:pt>
              </c:numCache>
            </c:numRef>
          </c:val>
          <c:extLst>
            <c:ext xmlns:c16="http://schemas.microsoft.com/office/drawing/2014/chart" uri="{C3380CC4-5D6E-409C-BE32-E72D297353CC}">
              <c16:uniqueId val="{0000000A-69BE-48E8-8E89-BC71557E6102}"/>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633</c:v>
                </c:pt>
                <c:pt idx="2">
                  <c:v>#N/A</c:v>
                </c:pt>
                <c:pt idx="3">
                  <c:v>#N/A</c:v>
                </c:pt>
                <c:pt idx="4">
                  <c:v>1383</c:v>
                </c:pt>
                <c:pt idx="5">
                  <c:v>#N/A</c:v>
                </c:pt>
                <c:pt idx="6">
                  <c:v>#N/A</c:v>
                </c:pt>
                <c:pt idx="7">
                  <c:v>875</c:v>
                </c:pt>
                <c:pt idx="8">
                  <c:v>#N/A</c:v>
                </c:pt>
                <c:pt idx="9">
                  <c:v>#N/A</c:v>
                </c:pt>
                <c:pt idx="10">
                  <c:v>330</c:v>
                </c:pt>
                <c:pt idx="11">
                  <c:v>#N/A</c:v>
                </c:pt>
                <c:pt idx="12">
                  <c:v>#N/A</c:v>
                </c:pt>
                <c:pt idx="13">
                  <c:v>269</c:v>
                </c:pt>
                <c:pt idx="14">
                  <c:v>#N/A</c:v>
                </c:pt>
              </c:numCache>
            </c:numRef>
          </c:val>
          <c:smooth val="0"/>
          <c:extLst>
            <c:ext xmlns:c16="http://schemas.microsoft.com/office/drawing/2014/chart" uri="{C3380CC4-5D6E-409C-BE32-E72D297353CC}">
              <c16:uniqueId val="{0000000B-69BE-48E8-8E89-BC71557E6102}"/>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834</c:v>
                </c:pt>
                <c:pt idx="1">
                  <c:v>942</c:v>
                </c:pt>
                <c:pt idx="2">
                  <c:v>983</c:v>
                </c:pt>
              </c:numCache>
            </c:numRef>
          </c:val>
          <c:extLst>
            <c:ext xmlns:c16="http://schemas.microsoft.com/office/drawing/2014/chart" uri="{C3380CC4-5D6E-409C-BE32-E72D297353CC}">
              <c16:uniqueId val="{00000000-B764-451D-9CB3-285E56975A9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B764-451D-9CB3-285E56975A9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979</c:v>
                </c:pt>
                <c:pt idx="1">
                  <c:v>1353</c:v>
                </c:pt>
                <c:pt idx="2">
                  <c:v>1441</c:v>
                </c:pt>
              </c:numCache>
            </c:numRef>
          </c:val>
          <c:extLst>
            <c:ext xmlns:c16="http://schemas.microsoft.com/office/drawing/2014/chart" uri="{C3380CC4-5D6E-409C-BE32-E72D297353CC}">
              <c16:uniqueId val="{00000002-B764-451D-9CB3-285E56975A94}"/>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7552723-6647-4FA0-9C62-2726518E6D88}</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93F1-4C92-B4F6-7C0C60C153E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DF360B7-801B-4787-B578-BA7AB2F8C20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93F1-4C92-B4F6-7C0C60C153E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3B5DC85-54F6-4B8C-9FE8-D121232FB5F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93F1-4C92-B4F6-7C0C60C153E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CDA092B-5BD2-404D-96F7-40BA66907D1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93F1-4C92-B4F6-7C0C60C153E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84E3101-8004-4BC1-8249-19F35DF476A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93F1-4C92-B4F6-7C0C60C153E9}"/>
                </c:ext>
              </c:extLst>
            </c:dLbl>
            <c:dLbl>
              <c:idx val="8"/>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F7F47B0-4844-4F0A-BD09-9AAE4EB6E582}</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93F1-4C92-B4F6-7C0C60C153E9}"/>
                </c:ext>
              </c:extLst>
            </c:dLbl>
            <c:dLbl>
              <c:idx val="16"/>
              <c:tx>
                <c:strRef>
                  <c:f>公会計指標分析・財政指標組合せ分析表!$CF$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DB50D83-9E0A-4263-9D9B-69D37CC75987}</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93F1-4C92-B4F6-7C0C60C153E9}"/>
                </c:ext>
              </c:extLst>
            </c:dLbl>
            <c:dLbl>
              <c:idx val="24"/>
              <c:layout>
                <c:manualLayout>
                  <c:x val="0"/>
                  <c:y val="1.2608562981182358E-2"/>
                </c:manualLayout>
              </c:layout>
              <c:tx>
                <c:strRef>
                  <c:f>公会計指標分析・財政指標組合せ分析表!$CN$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895BE5C-2993-4649-AFC0-5FDA45B60640}</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93F1-4C92-B4F6-7C0C60C153E9}"/>
                </c:ext>
              </c:extLst>
            </c:dLbl>
            <c:dLbl>
              <c:idx val="32"/>
              <c:layout>
                <c:manualLayout>
                  <c:x val="0"/>
                  <c:y val="-1.2608562981182399E-2"/>
                </c:manualLayout>
              </c:layout>
              <c:tx>
                <c:strRef>
                  <c:f>公会計指標分析・財政指標組合せ分析表!$CV$50</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6785533-E1CD-4923-ACC3-5E59A7310E1A}</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93F1-4C92-B4F6-7C0C60C153E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81.099999999999994</c:v>
                </c:pt>
                <c:pt idx="8">
                  <c:v>80.7</c:v>
                </c:pt>
                <c:pt idx="16">
                  <c:v>81.599999999999994</c:v>
                </c:pt>
                <c:pt idx="24">
                  <c:v>76.5</c:v>
                </c:pt>
                <c:pt idx="32">
                  <c:v>77.599999999999994</c:v>
                </c:pt>
              </c:numCache>
            </c:numRef>
          </c:xVal>
          <c:yVal>
            <c:numRef>
              <c:f>公会計指標分析・財政指標組合せ分析表!$BP$51:$DC$51</c:f>
              <c:numCache>
                <c:formatCode>#,##0.0;"▲ "#,##0.0</c:formatCode>
                <c:ptCount val="40"/>
                <c:pt idx="0">
                  <c:v>32.4</c:v>
                </c:pt>
                <c:pt idx="8">
                  <c:v>27.1</c:v>
                </c:pt>
                <c:pt idx="16">
                  <c:v>16.600000000000001</c:v>
                </c:pt>
                <c:pt idx="24">
                  <c:v>5.8</c:v>
                </c:pt>
                <c:pt idx="32">
                  <c:v>4.9000000000000004</c:v>
                </c:pt>
              </c:numCache>
            </c:numRef>
          </c:yVal>
          <c:smooth val="0"/>
          <c:extLst>
            <c:ext xmlns:c16="http://schemas.microsoft.com/office/drawing/2014/chart" uri="{C3380CC4-5D6E-409C-BE32-E72D297353CC}">
              <c16:uniqueId val="{00000009-93F1-4C92-B4F6-7C0C60C153E9}"/>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manualLayout>
                  <c:x val="0"/>
                  <c:y val="-3.2537367618791853E-3"/>
                </c:manualLayout>
              </c:layout>
              <c:tx>
                <c:strRef>
                  <c:f>公会計指標分析・財政指標組合せ分析表!$BP$50</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7B186133-0671-4B75-ADD8-181F4B4CF7B8}</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93F1-4C92-B4F6-7C0C60C153E9}"/>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C6D28F2-F3B1-4D5E-BEFF-3D63FAEDD92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93F1-4C92-B4F6-7C0C60C153E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CDAD3E2-F69A-46E4-B115-C843A637BB1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93F1-4C92-B4F6-7C0C60C153E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2FED666-9EEE-4719-AFA5-609BCDAC9E7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93F1-4C92-B4F6-7C0C60C153E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294AC32-A129-4A1D-ADE8-3466807F9FF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93F1-4C92-B4F6-7C0C60C153E9}"/>
                </c:ext>
              </c:extLst>
            </c:dLbl>
            <c:dLbl>
              <c:idx val="8"/>
              <c:layout>
                <c:manualLayout>
                  <c:x val="0"/>
                  <c:y val="3.2537367618791853E-3"/>
                </c:manualLayout>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BB85B41-9C72-40CB-AAD0-BD30D91AE81F}</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93F1-4C92-B4F6-7C0C60C153E9}"/>
                </c:ext>
              </c:extLst>
            </c:dLbl>
            <c:dLbl>
              <c:idx val="16"/>
              <c:tx>
                <c:strRef>
                  <c:f>公会計指標分析・財政指標組合せ分析表!$CF$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BE6EC2E-05B3-4F9C-AA1A-09677B456BC1}</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93F1-4C92-B4F6-7C0C60C153E9}"/>
                </c:ext>
              </c:extLst>
            </c:dLbl>
            <c:dLbl>
              <c:idx val="24"/>
              <c:tx>
                <c:strRef>
                  <c:f>公会計指標分析・財政指標組合せ分析表!$CN$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7252FAC-EBA8-4DE3-9C79-AF5ADBCFA872}</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93F1-4C92-B4F6-7C0C60C153E9}"/>
                </c:ext>
              </c:extLst>
            </c:dLbl>
            <c:dLbl>
              <c:idx val="32"/>
              <c:tx>
                <c:strRef>
                  <c:f>公会計指標分析・財政指標組合せ分析表!$CV$50</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1573A37-FE09-420F-B35F-45677672F6D2}</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93F1-4C92-B4F6-7C0C60C153E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3</c:v>
                </c:pt>
                <c:pt idx="8">
                  <c:v>60.3</c:v>
                </c:pt>
                <c:pt idx="16">
                  <c:v>61.5</c:v>
                </c:pt>
                <c:pt idx="24">
                  <c:v>61</c:v>
                </c:pt>
                <c:pt idx="32">
                  <c:v>62.3</c:v>
                </c:pt>
              </c:numCache>
            </c:numRef>
          </c:xVal>
          <c:yVal>
            <c:numRef>
              <c:f>公会計指標分析・財政指標組合せ分析表!$BP$55:$DC$55</c:f>
              <c:numCache>
                <c:formatCode>#,##0.0;"▲ "#,##0.0</c:formatCode>
                <c:ptCount val="40"/>
                <c:pt idx="0">
                  <c:v>18.2</c:v>
                </c:pt>
                <c:pt idx="8">
                  <c:v>20.3</c:v>
                </c:pt>
                <c:pt idx="16">
                  <c:v>15.5</c:v>
                </c:pt>
                <c:pt idx="24">
                  <c:v>4.5999999999999996</c:v>
                </c:pt>
                <c:pt idx="32">
                  <c:v>1.6</c:v>
                </c:pt>
              </c:numCache>
            </c:numRef>
          </c:yVal>
          <c:smooth val="0"/>
          <c:extLst>
            <c:ext xmlns:c16="http://schemas.microsoft.com/office/drawing/2014/chart" uri="{C3380CC4-5D6E-409C-BE32-E72D297353CC}">
              <c16:uniqueId val="{00000013-93F1-4C92-B4F6-7C0C60C153E9}"/>
            </c:ext>
          </c:extLst>
        </c:ser>
        <c:dLbls>
          <c:showLegendKey val="0"/>
          <c:showVal val="1"/>
          <c:showCatName val="0"/>
          <c:showSerName val="0"/>
          <c:showPercent val="0"/>
          <c:showBubbleSize val="0"/>
        </c:dLbls>
        <c:axId val="46179840"/>
        <c:axId val="46181760"/>
      </c:scatterChart>
      <c:valAx>
        <c:axId val="46179840"/>
        <c:scaling>
          <c:orientation val="maxMin"/>
          <c:max val="9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9A31F08-0F48-4519-B04D-FD0F99A8476B}</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FE79-470F-BD6C-E0F9CBC0C90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AB3DD4A-19EA-4753-83C4-35046193489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FE79-470F-BD6C-E0F9CBC0C90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812E8A8-6458-4EC7-9516-2D959A329DF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FE79-470F-BD6C-E0F9CBC0C90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158EB20-E771-41BF-9DE4-87CAF7C5DDD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FE79-470F-BD6C-E0F9CBC0C90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38048E6-A9DD-46BE-9D05-EAF3611D3DC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FE79-470F-BD6C-E0F9CBC0C901}"/>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D7D42E8-0995-414D-B99E-2920088075C7}</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FE79-470F-BD6C-E0F9CBC0C901}"/>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A8825C4-130A-4F43-9BF4-691487DDE86A}</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FE79-470F-BD6C-E0F9CBC0C901}"/>
                </c:ext>
              </c:extLst>
            </c:dLbl>
            <c:dLbl>
              <c:idx val="24"/>
              <c:layout>
                <c:manualLayout>
                  <c:x val="-4.4905057365901176E-2"/>
                  <c:y val="-5.0508183055496002E-2"/>
                </c:manualLayout>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1B98CA2-4E79-4756-B7FC-A696BB16D011}</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FE79-470F-BD6C-E0F9CBC0C901}"/>
                </c:ext>
              </c:extLst>
            </c:dLbl>
            <c:dLbl>
              <c:idx val="32"/>
              <c:layout>
                <c:manualLayout>
                  <c:x val="-1.8235628084249993E-2"/>
                  <c:y val="-7.4325111120091894E-2"/>
                </c:manualLayout>
              </c:layout>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96EE9ED-164D-4332-809E-CAB35E02999E}</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FE79-470F-BD6C-E0F9CBC0C90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5</c:v>
                </c:pt>
                <c:pt idx="8">
                  <c:v>6.1</c:v>
                </c:pt>
                <c:pt idx="16">
                  <c:v>5.3</c:v>
                </c:pt>
                <c:pt idx="24">
                  <c:v>4.8</c:v>
                </c:pt>
                <c:pt idx="32">
                  <c:v>4.8</c:v>
                </c:pt>
              </c:numCache>
            </c:numRef>
          </c:xVal>
          <c:yVal>
            <c:numRef>
              <c:f>公会計指標分析・財政指標組合せ分析表!$BP$73:$DC$73</c:f>
              <c:numCache>
                <c:formatCode>#,##0.0;"▲ "#,##0.0</c:formatCode>
                <c:ptCount val="40"/>
                <c:pt idx="0">
                  <c:v>32.4</c:v>
                </c:pt>
                <c:pt idx="8">
                  <c:v>27.1</c:v>
                </c:pt>
                <c:pt idx="16">
                  <c:v>16.600000000000001</c:v>
                </c:pt>
                <c:pt idx="24">
                  <c:v>5.8</c:v>
                </c:pt>
                <c:pt idx="32">
                  <c:v>4.9000000000000004</c:v>
                </c:pt>
              </c:numCache>
            </c:numRef>
          </c:yVal>
          <c:smooth val="0"/>
          <c:extLst>
            <c:ext xmlns:c16="http://schemas.microsoft.com/office/drawing/2014/chart" uri="{C3380CC4-5D6E-409C-BE32-E72D297353CC}">
              <c16:uniqueId val="{00000009-FE79-470F-BD6C-E0F9CBC0C901}"/>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66DD479C-F568-42F9-BBF7-79F79BA15B34}</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FE79-470F-BD6C-E0F9CBC0C901}"/>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0D13BEC9-A4C5-439C-9354-C475A4EDB6A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FE79-470F-BD6C-E0F9CBC0C90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F4CC4A3-7153-4CB1-905E-A2B3555D4B6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FE79-470F-BD6C-E0F9CBC0C90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9659E68-8F64-43E1-B7DF-89D49B056BD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FE79-470F-BD6C-E0F9CBC0C90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225911A-2E55-4430-9C1A-06B1BCFF2DD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FE79-470F-BD6C-E0F9CBC0C901}"/>
                </c:ext>
              </c:extLst>
            </c:dLbl>
            <c:dLbl>
              <c:idx val="8"/>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1206C14-152C-4B7E-A514-DB438BAFBD8F}</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FE79-470F-BD6C-E0F9CBC0C901}"/>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0134F30-4693-4B86-98D3-77AFC8C0CC4C}</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FE79-470F-BD6C-E0F9CBC0C901}"/>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0313458-BB68-4C61-9BE7-4E2ED9488AA4}</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FE79-470F-BD6C-E0F9CBC0C901}"/>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7B27791-CB0E-4B88-A12A-EF062A21477D}</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FE79-470F-BD6C-E0F9CBC0C90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6</c:v>
                </c:pt>
                <c:pt idx="16">
                  <c:v>6.4</c:v>
                </c:pt>
                <c:pt idx="24">
                  <c:v>6.3</c:v>
                </c:pt>
                <c:pt idx="32">
                  <c:v>6.6</c:v>
                </c:pt>
              </c:numCache>
            </c:numRef>
          </c:xVal>
          <c:yVal>
            <c:numRef>
              <c:f>公会計指標分析・財政指標組合せ分析表!$BP$77:$DC$77</c:f>
              <c:numCache>
                <c:formatCode>#,##0.0;"▲ "#,##0.0</c:formatCode>
                <c:ptCount val="40"/>
                <c:pt idx="0">
                  <c:v>18.2</c:v>
                </c:pt>
                <c:pt idx="8">
                  <c:v>20.3</c:v>
                </c:pt>
                <c:pt idx="16">
                  <c:v>15.5</c:v>
                </c:pt>
                <c:pt idx="24">
                  <c:v>4.5999999999999996</c:v>
                </c:pt>
                <c:pt idx="32">
                  <c:v>1.6</c:v>
                </c:pt>
              </c:numCache>
            </c:numRef>
          </c:yVal>
          <c:smooth val="0"/>
          <c:extLst>
            <c:ext xmlns:c16="http://schemas.microsoft.com/office/drawing/2014/chart" uri="{C3380CC4-5D6E-409C-BE32-E72D297353CC}">
              <c16:uniqueId val="{00000013-FE79-470F-BD6C-E0F9CBC0C901}"/>
            </c:ext>
          </c:extLst>
        </c:ser>
        <c:dLbls>
          <c:showLegendKey val="0"/>
          <c:showVal val="1"/>
          <c:showCatName val="0"/>
          <c:showSerName val="0"/>
          <c:showPercent val="0"/>
          <c:showBubbleSize val="0"/>
        </c:dLbls>
        <c:axId val="84219776"/>
        <c:axId val="84234240"/>
      </c:scatterChart>
      <c:valAx>
        <c:axId val="84219776"/>
        <c:scaling>
          <c:orientation val="maxMin"/>
          <c:max val="7"/>
          <c:min val="4"/>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Ｐゴシック" panose="020B0600070205080204" pitchFamily="50" charset="-128"/>
              <a:ea typeface="ＭＳ Ｐゴシック" panose="020B0600070205080204" pitchFamily="50" charset="-128"/>
            </a:rPr>
            <a:t>　実質公債費比率の分子は、大型事業の元金償還の開始などにより前年度から増加している。</a:t>
          </a:r>
        </a:p>
        <a:p>
          <a:r>
            <a:rPr kumimoji="1" lang="ja-JP" altLang="en-US" sz="1300">
              <a:latin typeface="ＭＳ Ｐゴシック" panose="020B0600070205080204" pitchFamily="50" charset="-128"/>
              <a:ea typeface="ＭＳ Ｐゴシック" panose="020B0600070205080204" pitchFamily="50" charset="-128"/>
            </a:rPr>
            <a:t>　また、今後大型の施設更新を複数予定しており、各事業において町債発行をすることに伴い将来的に数値の上昇が見込まれる。</a:t>
          </a:r>
        </a:p>
        <a:p>
          <a:r>
            <a:rPr kumimoji="1" lang="ja-JP" altLang="en-US" sz="1300">
              <a:latin typeface="ＭＳ Ｐゴシック" panose="020B0600070205080204" pitchFamily="50" charset="-128"/>
              <a:ea typeface="ＭＳ Ｐゴシック" panose="020B0600070205080204" pitchFamily="50" charset="-128"/>
            </a:rPr>
            <a:t>　引続き、地方債の発行に頼らない財源を模索しつつ、地方債の発行せざるを得ない場合も、可能な限り交付税措置されるものを選択するように努め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Ｐゴシック" panose="020B0600070205080204" pitchFamily="50" charset="-128"/>
              <a:ea typeface="ＭＳ Ｐゴシック" panose="020B0600070205080204" pitchFamily="50" charset="-128"/>
            </a:rPr>
            <a:t>　二宮町においては、当基金の利用はありません。</a:t>
          </a: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Ｐゴシック" panose="020B0600070205080204" pitchFamily="50" charset="-128"/>
              <a:ea typeface="ＭＳ Ｐゴシック" panose="020B0600070205080204" pitchFamily="50" charset="-128"/>
            </a:rPr>
            <a:t>　地方債現在高が減となったことや、今後の財政需要への備えとして財政調整基金や庁舎整備基金へ積立てを行った結果、将来負担比率の分子は</a:t>
          </a:r>
          <a:r>
            <a:rPr kumimoji="1" lang="en-US" altLang="ja-JP" sz="1300">
              <a:latin typeface="ＭＳ Ｐゴシック" panose="020B0600070205080204" pitchFamily="50" charset="-128"/>
              <a:ea typeface="ＭＳ Ｐゴシック" panose="020B0600070205080204" pitchFamily="50" charset="-128"/>
            </a:rPr>
            <a:t>61</a:t>
          </a:r>
          <a:r>
            <a:rPr kumimoji="1" lang="ja-JP" altLang="en-US" sz="1300">
              <a:latin typeface="ＭＳ Ｐゴシック" panose="020B0600070205080204" pitchFamily="50" charset="-128"/>
              <a:ea typeface="ＭＳ Ｐゴシック" panose="020B0600070205080204" pitchFamily="50" charset="-128"/>
            </a:rPr>
            <a:t>百万円の減となった。</a:t>
          </a:r>
        </a:p>
        <a:p>
          <a:r>
            <a:rPr kumimoji="1" lang="ja-JP" altLang="en-US" sz="1300">
              <a:latin typeface="ＭＳ Ｐゴシック" panose="020B0600070205080204" pitchFamily="50" charset="-128"/>
              <a:ea typeface="ＭＳ Ｐゴシック" panose="020B0600070205080204" pitchFamily="50" charset="-128"/>
            </a:rPr>
            <a:t>　一方で、今後老朽化した施設の更新が複数控えており、地方債に頼らざるを得ない状況が考えられることから、将来的に過度な負担とならないよう、長期的な視点を持ちつつ事業の計画を立て、効果的な事業の執行ができるように努める必要がある。</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二宮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今後の財政需要への備えとして財政調整基金や庁舎整備基金へ積立を行った結果、財政調整基金及びその他特定目的基金の残高は共に増となっている。</a:t>
          </a: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今後控える事業への備えとして計画的に積立てを行うとともに、必要に応じて適宜取り崩しを行い事業の財源として活用していく。</a:t>
          </a: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基金の使途）</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公共施設整備基金：二宮町の公共施設及び当該公共施設整備のために必要な用地の取得の資金に充てるため。</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庁舎整備基金：二宮町庁舎の整備に要する財源に充てるため。</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災害対策基金：地震や風水害等の災害から町民の生命と財産を守るべく、その予防対策、復旧対策、復興対策等の円滑な推進を図る事業　　　　　　</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の財源とするため。</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地域福祉基金：地域福祉の推進を図る事業の財源とするため。</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みどり基金：緑化の推進を図る事業の財源とするため。</a:t>
          </a: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今後に控える庁舎整備のために庁舎整備基金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百万円の積立を行ったことなどにより、特定目的基金において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8</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百万円の増となった。</a:t>
          </a: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公共施設整備基金や庁舎整備基金は今後の施設整備の財源として計画的に積立てを行いつつ、事業執行の際には適宜財源として取り崩しを行うことで、後年度への財政負担の平準化を図っていく。</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また、その他の基金についても、近年増加する自然災害への備えのために災害対策基金へ積立てを行うなど、各基金条例に定める目的に沿った適切な運用を行うように努める。</a:t>
          </a: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財政調整基金は今後の財政需要に備え、積立てを行った結果、前年度残高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1</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百万円の増となった。</a:t>
          </a: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今後の財政運営の中で年度間の財政負担の偏りを軽減できるよう適宜積立てを行いつつ、必要に応じて財源として取り崩しを行う。</a:t>
          </a: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二宮町においては、当基金の利用はありません。</a:t>
          </a: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二宮町においては、当基金の利用はありません。</a:t>
          </a: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BC0231E9-297D-4290-BAE2-FF8FAC7BB15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142C09E5-FDA2-4657-A9AC-4685456D815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68485684-A305-4E11-BE88-C6B30FDDE716}"/>
            </a:ext>
          </a:extLst>
        </xdr:cNvPr>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D0ECF1DE-B694-4ED3-841A-0B48B83060EA}"/>
            </a:ext>
          </a:extLst>
        </xdr:cNvPr>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FD337A46-3B47-4295-895E-BD87E1DE5AD3}"/>
            </a:ext>
          </a:extLst>
        </xdr:cNvPr>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3080DB5F-2B7C-45AE-A7F5-254DA91901FB}"/>
            </a:ext>
          </a:extLst>
        </xdr:cNvPr>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CAE6D926-BB82-473D-8F7C-929E2A71BC57}"/>
            </a:ext>
          </a:extLst>
        </xdr:cNvPr>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9FD6040F-725A-49DB-AE3C-FAD3E7E71904}"/>
            </a:ext>
          </a:extLst>
        </xdr:cNvPr>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6ECEA20B-AF40-417F-9F2A-CA055300985A}"/>
            </a:ext>
          </a:extLst>
        </xdr:cNvPr>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BA2A9A3D-CA81-44F3-9EB0-5901BC2D40D5}"/>
            </a:ext>
          </a:extLst>
        </xdr:cNvPr>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8C4D77C2-8848-4FDF-8B7B-4289B6B782A4}"/>
            </a:ext>
          </a:extLst>
        </xdr:cNvPr>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993DDD0D-1C65-47DF-A997-D6CAB49D80A5}"/>
            </a:ext>
          </a:extLst>
        </xdr:cNvPr>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925
27,676
9.08
10,129,636
9,579,851
477,972
6,141,232
6,980,4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C048F5D1-FA62-4EC9-8260-3F216D560945}"/>
            </a:ext>
          </a:extLst>
        </xdr:cNvPr>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7063E199-3D11-45B9-A499-379AD515CB6D}"/>
            </a:ext>
          </a:extLst>
        </xdr:cNvPr>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3EEC9517-0A19-4D9E-A336-DA70387F9EEA}"/>
            </a:ext>
          </a:extLst>
        </xdr:cNvPr>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3F1F9040-2FC2-4FC5-894D-0E64243F5164}"/>
            </a:ext>
          </a:extLst>
        </xdr:cNvPr>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5F055C16-415F-4619-91C0-6CCE7643AC55}"/>
            </a:ext>
          </a:extLst>
        </xdr:cNvPr>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4F82E710-EF51-4AE4-9304-49BA5FD32CFA}"/>
            </a:ext>
          </a:extLst>
        </xdr:cNvPr>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1BEFB600-84DD-443A-8FFC-9EE9BD3F090E}"/>
            </a:ext>
          </a:extLst>
        </xdr:cNvPr>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CD8AEB08-91EF-4748-AD9B-27E266A45E0B}"/>
            </a:ext>
          </a:extLst>
        </xdr:cNvPr>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0C61208E-BF2A-47C8-8C65-B41AB79E8C88}"/>
            </a:ext>
          </a:extLst>
        </xdr:cNvPr>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337AD0E5-2B89-4B51-BEB7-3011CD0F0A7F}"/>
            </a:ext>
          </a:extLst>
        </xdr:cNvPr>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12815DFB-317E-4F53-BAF1-3AEA97AF9089}"/>
            </a:ext>
          </a:extLst>
        </xdr:cNvPr>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1EDBF726-81F8-478A-A21D-211064836B56}"/>
            </a:ext>
          </a:extLst>
        </xdr:cNvPr>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85D6BB5C-69DC-44CF-8A7B-3FD0A46A72A3}"/>
            </a:ext>
          </a:extLst>
        </xdr:cNvPr>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16A66B09-C1C4-423B-8CD1-3083E647F194}"/>
            </a:ext>
          </a:extLst>
        </xdr:cNvPr>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2A1509DF-BB2A-4FA0-869C-A5459610D7D0}"/>
            </a:ext>
          </a:extLst>
        </xdr:cNvPr>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BC6BD44A-3CDF-432B-83B2-065406F0B82A}"/>
            </a:ext>
          </a:extLst>
        </xdr:cNvPr>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2451F3BE-6C59-4AD1-9040-4DF49CA01031}"/>
            </a:ext>
          </a:extLst>
        </xdr:cNvPr>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FB057D19-FE6D-46D8-BFA3-09488485A75D}"/>
            </a:ext>
          </a:extLst>
        </xdr:cNvPr>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9D782440-6334-4F59-BBDF-0190F8B9EDCF}"/>
            </a:ext>
          </a:extLst>
        </xdr:cNvPr>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8C246CD7-12E6-45AF-BC80-C92251A0EE08}"/>
            </a:ext>
          </a:extLst>
        </xdr:cNvPr>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788DA721-5262-4AE0-BC86-71B60BB06B6E}"/>
            </a:ext>
          </a:extLst>
        </xdr:cNvPr>
        <xdr:cNvSpPr txBox="1"/>
      </xdr:nvSpPr>
      <xdr:spPr>
        <a:xfrm>
          <a:off x="419100" y="343344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3F2F2361-0849-4C74-AB15-766687FDF35A}"/>
            </a:ext>
          </a:extLst>
        </xdr:cNvPr>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1CE2C03B-60E2-4E0A-B707-2C7976636D94}"/>
            </a:ext>
          </a:extLst>
        </xdr:cNvPr>
        <xdr:cNvSpPr/>
      </xdr:nvSpPr>
      <xdr:spPr>
        <a:xfrm>
          <a:off x="1127125" y="4180205"/>
          <a:ext cx="373888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BB6DEB3E-3BD2-4ADF-9290-BCA5309F97D5}"/>
            </a:ext>
          </a:extLst>
        </xdr:cNvPr>
        <xdr:cNvSpPr/>
      </xdr:nvSpPr>
      <xdr:spPr>
        <a:xfrm>
          <a:off x="1774684" y="453891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5001D660-2CD1-4ED9-BE6D-9DC6D8609F96}"/>
            </a:ext>
          </a:extLst>
        </xdr:cNvPr>
        <xdr:cNvSpPr/>
      </xdr:nvSpPr>
      <xdr:spPr>
        <a:xfrm>
          <a:off x="3387084" y="452224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7.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2D37B87E-56AD-4AB6-A54D-496769A990EB}"/>
            </a:ext>
          </a:extLst>
        </xdr:cNvPr>
        <xdr:cNvSpPr/>
      </xdr:nvSpPr>
      <xdr:spPr>
        <a:xfrm>
          <a:off x="48152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C75C69B0-156B-429A-82FF-4D6E9C0CAB09}"/>
            </a:ext>
          </a:extLst>
        </xdr:cNvPr>
        <xdr:cNvSpPr/>
      </xdr:nvSpPr>
      <xdr:spPr>
        <a:xfrm>
          <a:off x="48152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18F44E06-4B97-4B00-9E94-20D31997F36F}"/>
            </a:ext>
          </a:extLst>
        </xdr:cNvPr>
        <xdr:cNvSpPr/>
      </xdr:nvSpPr>
      <xdr:spPr>
        <a:xfrm>
          <a:off x="615632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54064338-51D2-4BF3-9912-967BF0DDFBE6}"/>
            </a:ext>
          </a:extLst>
        </xdr:cNvPr>
        <xdr:cNvSpPr/>
      </xdr:nvSpPr>
      <xdr:spPr>
        <a:xfrm>
          <a:off x="615632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18B044E8-B693-41F3-B597-6B93FAE9E5B0}"/>
            </a:ext>
          </a:extLst>
        </xdr:cNvPr>
        <xdr:cNvSpPr/>
      </xdr:nvSpPr>
      <xdr:spPr>
        <a:xfrm>
          <a:off x="762444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7998B7BA-849B-4BA2-A065-F429B37318F1}"/>
            </a:ext>
          </a:extLst>
        </xdr:cNvPr>
        <xdr:cNvSpPr/>
      </xdr:nvSpPr>
      <xdr:spPr>
        <a:xfrm>
          <a:off x="762444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0ACC2EFA-AF11-4871-822F-39B1C38F628E}"/>
            </a:ext>
          </a:extLst>
        </xdr:cNvPr>
        <xdr:cNvSpPr/>
      </xdr:nvSpPr>
      <xdr:spPr>
        <a:xfrm>
          <a:off x="1127125" y="485965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7A146B05-D7DC-4B27-81C5-9661D67EEE71}"/>
            </a:ext>
          </a:extLst>
        </xdr:cNvPr>
        <xdr:cNvSpPr/>
      </xdr:nvSpPr>
      <xdr:spPr>
        <a:xfrm>
          <a:off x="510984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2E1839A9-97C6-4312-B82B-75C05969F3F0}"/>
            </a:ext>
          </a:extLst>
        </xdr:cNvPr>
        <xdr:cNvSpPr/>
      </xdr:nvSpPr>
      <xdr:spPr>
        <a:xfrm>
          <a:off x="510984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8972470C-0220-4A69-9F6F-FF4EBEBB7D49}"/>
            </a:ext>
          </a:extLst>
        </xdr:cNvPr>
        <xdr:cNvSpPr txBox="1"/>
      </xdr:nvSpPr>
      <xdr:spPr>
        <a:xfrm>
          <a:off x="516318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依然として類似団体の数値より高い状態が続い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主な要因としては、昭和</a:t>
          </a:r>
          <a:r>
            <a:rPr kumimoji="1" lang="en-US" altLang="ja-JP" sz="1100">
              <a:latin typeface="ＭＳ Ｐゴシック" panose="020B0600070205080204" pitchFamily="50" charset="-128"/>
              <a:ea typeface="ＭＳ Ｐゴシック" panose="020B0600070205080204" pitchFamily="50" charset="-128"/>
            </a:rPr>
            <a:t>53</a:t>
          </a:r>
          <a:r>
            <a:rPr kumimoji="1" lang="ja-JP" altLang="en-US" sz="1100">
              <a:latin typeface="ＭＳ Ｐゴシック" panose="020B0600070205080204" pitchFamily="50" charset="-128"/>
              <a:ea typeface="ＭＳ Ｐゴシック" panose="020B0600070205080204" pitchFamily="50" charset="-128"/>
            </a:rPr>
            <a:t>年竣工の本庁舎や各地域集会施設の老朽化等が挙げられ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引続き、二宮町公共施設再配置・町有地有効活用実施計画などに基づいた、計画的かつ効果的な施設の更新を進める。</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42B83398-2920-4EEC-85A1-EE18D7FC4E67}"/>
            </a:ext>
          </a:extLst>
        </xdr:cNvPr>
        <xdr:cNvSpPr txBox="1"/>
      </xdr:nvSpPr>
      <xdr:spPr>
        <a:xfrm>
          <a:off x="110426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0D8EF91C-3537-4193-9002-116FAA24CF2A}"/>
            </a:ext>
          </a:extLst>
        </xdr:cNvPr>
        <xdr:cNvCxnSpPr/>
      </xdr:nvCxnSpPr>
      <xdr:spPr>
        <a:xfrm>
          <a:off x="1127125" y="697293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8F00CC92-1EFB-40E6-933C-06A0CCB8A575}"/>
            </a:ext>
          </a:extLst>
        </xdr:cNvPr>
        <xdr:cNvSpPr txBox="1"/>
      </xdr:nvSpPr>
      <xdr:spPr>
        <a:xfrm>
          <a:off x="772811" y="687913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FB868875-6CBE-44BA-8516-B3A479C95D60}"/>
            </a:ext>
          </a:extLst>
        </xdr:cNvPr>
        <xdr:cNvCxnSpPr/>
      </xdr:nvCxnSpPr>
      <xdr:spPr>
        <a:xfrm>
          <a:off x="1127125" y="662072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76AFFED8-7DBF-4878-99A7-E08F5DF1FCD8}"/>
            </a:ext>
          </a:extLst>
        </xdr:cNvPr>
        <xdr:cNvSpPr txBox="1"/>
      </xdr:nvSpPr>
      <xdr:spPr>
        <a:xfrm>
          <a:off x="772811" y="652692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24D4B172-716A-4151-97D9-9239F31F5BAE}"/>
            </a:ext>
          </a:extLst>
        </xdr:cNvPr>
        <xdr:cNvCxnSpPr/>
      </xdr:nvCxnSpPr>
      <xdr:spPr>
        <a:xfrm>
          <a:off x="1127125" y="626850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42113B47-7D2A-49EE-BF6D-655A0E40D3A3}"/>
            </a:ext>
          </a:extLst>
        </xdr:cNvPr>
        <xdr:cNvSpPr txBox="1"/>
      </xdr:nvSpPr>
      <xdr:spPr>
        <a:xfrm>
          <a:off x="772811" y="61747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3B4FE34E-CA79-47B3-8C8F-B4785FDBB6A4}"/>
            </a:ext>
          </a:extLst>
        </xdr:cNvPr>
        <xdr:cNvCxnSpPr/>
      </xdr:nvCxnSpPr>
      <xdr:spPr>
        <a:xfrm>
          <a:off x="1127125" y="591629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251832C6-2BB5-4E7E-A350-00CC215CF683}"/>
            </a:ext>
          </a:extLst>
        </xdr:cNvPr>
        <xdr:cNvSpPr txBox="1"/>
      </xdr:nvSpPr>
      <xdr:spPr>
        <a:xfrm>
          <a:off x="772811" y="582249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AD6632DC-E90C-45AC-9697-F0DBB8C26C3C}"/>
            </a:ext>
          </a:extLst>
        </xdr:cNvPr>
        <xdr:cNvCxnSpPr/>
      </xdr:nvCxnSpPr>
      <xdr:spPr>
        <a:xfrm>
          <a:off x="1127125" y="556408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936CE2F2-771E-46C2-B032-F7EA7129294D}"/>
            </a:ext>
          </a:extLst>
        </xdr:cNvPr>
        <xdr:cNvSpPr txBox="1"/>
      </xdr:nvSpPr>
      <xdr:spPr>
        <a:xfrm>
          <a:off x="772811" y="547028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A56A5E24-05DB-4B95-8AC8-4E7115524D8F}"/>
            </a:ext>
          </a:extLst>
        </xdr:cNvPr>
        <xdr:cNvCxnSpPr/>
      </xdr:nvCxnSpPr>
      <xdr:spPr>
        <a:xfrm>
          <a:off x="1127125" y="521186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E107E9FD-FEEB-49D7-90B1-AFE4BE5536B7}"/>
            </a:ext>
          </a:extLst>
        </xdr:cNvPr>
        <xdr:cNvSpPr txBox="1"/>
      </xdr:nvSpPr>
      <xdr:spPr>
        <a:xfrm>
          <a:off x="772811" y="512187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08E820C9-8FBB-450C-A025-C3E2F59F1325}"/>
            </a:ext>
          </a:extLst>
        </xdr:cNvPr>
        <xdr:cNvCxnSpPr/>
      </xdr:nvCxnSpPr>
      <xdr:spPr>
        <a:xfrm>
          <a:off x="1127125" y="485965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2E055155-5FDC-4159-9972-7D9562FEBC0B}"/>
            </a:ext>
          </a:extLst>
        </xdr:cNvPr>
        <xdr:cNvSpPr txBox="1"/>
      </xdr:nvSpPr>
      <xdr:spPr>
        <a:xfrm>
          <a:off x="772811" y="476966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865C8FF0-D8D2-4A40-A651-CCF360C63E02}"/>
            </a:ext>
          </a:extLst>
        </xdr:cNvPr>
        <xdr:cNvSpPr/>
      </xdr:nvSpPr>
      <xdr:spPr>
        <a:xfrm>
          <a:off x="1127125" y="485965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29633</xdr:rowOff>
    </xdr:from>
    <xdr:to>
      <xdr:col>23</xdr:col>
      <xdr:colOff>85090</xdr:colOff>
      <xdr:row>35</xdr:row>
      <xdr:rowOff>62654</xdr:rowOff>
    </xdr:to>
    <xdr:cxnSp macro="">
      <xdr:nvCxnSpPr>
        <xdr:cNvPr id="65" name="直線コネクタ 64">
          <a:extLst>
            <a:ext uri="{FF2B5EF4-FFF2-40B4-BE49-F238E27FC236}">
              <a16:creationId xmlns:a16="http://schemas.microsoft.com/office/drawing/2014/main" id="{C39D70E3-F9A8-4AF1-BC4C-2E9B36CBFC3C}"/>
            </a:ext>
          </a:extLst>
        </xdr:cNvPr>
        <xdr:cNvCxnSpPr/>
      </xdr:nvCxnSpPr>
      <xdr:spPr>
        <a:xfrm flipV="1">
          <a:off x="4206240" y="5157893"/>
          <a:ext cx="1270" cy="15417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66481</xdr:rowOff>
    </xdr:from>
    <xdr:ext cx="405111" cy="259045"/>
    <xdr:sp macro="" textlink="">
      <xdr:nvSpPr>
        <xdr:cNvPr id="66" name="有形固定資産減価償却率最小値テキスト">
          <a:extLst>
            <a:ext uri="{FF2B5EF4-FFF2-40B4-BE49-F238E27FC236}">
              <a16:creationId xmlns:a16="http://schemas.microsoft.com/office/drawing/2014/main" id="{1FE54E9A-E53C-4C6C-9DAE-B3AE42145DCA}"/>
            </a:ext>
          </a:extLst>
        </xdr:cNvPr>
        <xdr:cNvSpPr txBox="1"/>
      </xdr:nvSpPr>
      <xdr:spPr>
        <a:xfrm>
          <a:off x="4258945" y="6703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2654</xdr:rowOff>
    </xdr:from>
    <xdr:to>
      <xdr:col>23</xdr:col>
      <xdr:colOff>174625</xdr:colOff>
      <xdr:row>35</xdr:row>
      <xdr:rowOff>62654</xdr:rowOff>
    </xdr:to>
    <xdr:cxnSp macro="">
      <xdr:nvCxnSpPr>
        <xdr:cNvPr id="67" name="直線コネクタ 66">
          <a:extLst>
            <a:ext uri="{FF2B5EF4-FFF2-40B4-BE49-F238E27FC236}">
              <a16:creationId xmlns:a16="http://schemas.microsoft.com/office/drawing/2014/main" id="{91BC5CCF-5BC0-4381-A573-4F0B49226A6C}"/>
            </a:ext>
          </a:extLst>
        </xdr:cNvPr>
        <xdr:cNvCxnSpPr/>
      </xdr:nvCxnSpPr>
      <xdr:spPr>
        <a:xfrm>
          <a:off x="4119245" y="6699674"/>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47760</xdr:rowOff>
    </xdr:from>
    <xdr:ext cx="405111" cy="259045"/>
    <xdr:sp macro="" textlink="">
      <xdr:nvSpPr>
        <xdr:cNvPr id="68" name="有形固定資産減価償却率最大値テキスト">
          <a:extLst>
            <a:ext uri="{FF2B5EF4-FFF2-40B4-BE49-F238E27FC236}">
              <a16:creationId xmlns:a16="http://schemas.microsoft.com/office/drawing/2014/main" id="{F2A5B811-9781-4450-B20C-6C25C5F074BD}"/>
            </a:ext>
          </a:extLst>
        </xdr:cNvPr>
        <xdr:cNvSpPr txBox="1"/>
      </xdr:nvSpPr>
      <xdr:spPr>
        <a:xfrm>
          <a:off x="4258945" y="4940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29633</xdr:rowOff>
    </xdr:from>
    <xdr:to>
      <xdr:col>23</xdr:col>
      <xdr:colOff>174625</xdr:colOff>
      <xdr:row>26</xdr:row>
      <xdr:rowOff>29633</xdr:rowOff>
    </xdr:to>
    <xdr:cxnSp macro="">
      <xdr:nvCxnSpPr>
        <xdr:cNvPr id="69" name="直線コネクタ 68">
          <a:extLst>
            <a:ext uri="{FF2B5EF4-FFF2-40B4-BE49-F238E27FC236}">
              <a16:creationId xmlns:a16="http://schemas.microsoft.com/office/drawing/2014/main" id="{2DE52C61-173D-4A1B-A6EA-AD24501DF3FA}"/>
            </a:ext>
          </a:extLst>
        </xdr:cNvPr>
        <xdr:cNvCxnSpPr/>
      </xdr:nvCxnSpPr>
      <xdr:spPr>
        <a:xfrm>
          <a:off x="4119245" y="5157893"/>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64</xdr:rowOff>
    </xdr:from>
    <xdr:ext cx="405111" cy="259045"/>
    <xdr:sp macro="" textlink="">
      <xdr:nvSpPr>
        <xdr:cNvPr id="70" name="有形固定資産減価償却率平均値テキスト">
          <a:extLst>
            <a:ext uri="{FF2B5EF4-FFF2-40B4-BE49-F238E27FC236}">
              <a16:creationId xmlns:a16="http://schemas.microsoft.com/office/drawing/2014/main" id="{C10301B3-74C1-4870-8F59-AC19B5F0A561}"/>
            </a:ext>
          </a:extLst>
        </xdr:cNvPr>
        <xdr:cNvSpPr txBox="1"/>
      </xdr:nvSpPr>
      <xdr:spPr>
        <a:xfrm>
          <a:off x="4258945" y="57996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9437</xdr:rowOff>
    </xdr:from>
    <xdr:to>
      <xdr:col>23</xdr:col>
      <xdr:colOff>136525</xdr:colOff>
      <xdr:row>31</xdr:row>
      <xdr:rowOff>79587</xdr:rowOff>
    </xdr:to>
    <xdr:sp macro="" textlink="">
      <xdr:nvSpPr>
        <xdr:cNvPr id="71" name="フローチャート: 判断 70">
          <a:extLst>
            <a:ext uri="{FF2B5EF4-FFF2-40B4-BE49-F238E27FC236}">
              <a16:creationId xmlns:a16="http://schemas.microsoft.com/office/drawing/2014/main" id="{7FB00A49-8A7B-47FD-A65C-77BB220090A0}"/>
            </a:ext>
          </a:extLst>
        </xdr:cNvPr>
        <xdr:cNvSpPr/>
      </xdr:nvSpPr>
      <xdr:spPr>
        <a:xfrm>
          <a:off x="4157345" y="594825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2658</xdr:rowOff>
    </xdr:from>
    <xdr:to>
      <xdr:col>19</xdr:col>
      <xdr:colOff>187325</xdr:colOff>
      <xdr:row>31</xdr:row>
      <xdr:rowOff>32808</xdr:rowOff>
    </xdr:to>
    <xdr:sp macro="" textlink="">
      <xdr:nvSpPr>
        <xdr:cNvPr id="72" name="フローチャート: 判断 71">
          <a:extLst>
            <a:ext uri="{FF2B5EF4-FFF2-40B4-BE49-F238E27FC236}">
              <a16:creationId xmlns:a16="http://schemas.microsoft.com/office/drawing/2014/main" id="{FB3578E5-B982-41A8-8342-55B744393842}"/>
            </a:ext>
          </a:extLst>
        </xdr:cNvPr>
        <xdr:cNvSpPr/>
      </xdr:nvSpPr>
      <xdr:spPr>
        <a:xfrm>
          <a:off x="3537585" y="590147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20650</xdr:rowOff>
    </xdr:from>
    <xdr:to>
      <xdr:col>15</xdr:col>
      <xdr:colOff>187325</xdr:colOff>
      <xdr:row>31</xdr:row>
      <xdr:rowOff>50800</xdr:rowOff>
    </xdr:to>
    <xdr:sp macro="" textlink="">
      <xdr:nvSpPr>
        <xdr:cNvPr id="73" name="フローチャート: 判断 72">
          <a:extLst>
            <a:ext uri="{FF2B5EF4-FFF2-40B4-BE49-F238E27FC236}">
              <a16:creationId xmlns:a16="http://schemas.microsoft.com/office/drawing/2014/main" id="{7D263B68-AA64-4F58-ACE6-078545E8FDD6}"/>
            </a:ext>
          </a:extLst>
        </xdr:cNvPr>
        <xdr:cNvSpPr/>
      </xdr:nvSpPr>
      <xdr:spPr>
        <a:xfrm>
          <a:off x="2867025" y="59194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77470</xdr:rowOff>
    </xdr:from>
    <xdr:to>
      <xdr:col>11</xdr:col>
      <xdr:colOff>187325</xdr:colOff>
      <xdr:row>31</xdr:row>
      <xdr:rowOff>7620</xdr:rowOff>
    </xdr:to>
    <xdr:sp macro="" textlink="">
      <xdr:nvSpPr>
        <xdr:cNvPr id="74" name="フローチャート: 判断 73">
          <a:extLst>
            <a:ext uri="{FF2B5EF4-FFF2-40B4-BE49-F238E27FC236}">
              <a16:creationId xmlns:a16="http://schemas.microsoft.com/office/drawing/2014/main" id="{71B9BFE9-FB8F-4394-9AFA-9ADD38226F12}"/>
            </a:ext>
          </a:extLst>
        </xdr:cNvPr>
        <xdr:cNvSpPr/>
      </xdr:nvSpPr>
      <xdr:spPr>
        <a:xfrm>
          <a:off x="2196465" y="587629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41487</xdr:rowOff>
    </xdr:from>
    <xdr:to>
      <xdr:col>7</xdr:col>
      <xdr:colOff>187325</xdr:colOff>
      <xdr:row>30</xdr:row>
      <xdr:rowOff>143087</xdr:rowOff>
    </xdr:to>
    <xdr:sp macro="" textlink="">
      <xdr:nvSpPr>
        <xdr:cNvPr id="75" name="フローチャート: 判断 74">
          <a:extLst>
            <a:ext uri="{FF2B5EF4-FFF2-40B4-BE49-F238E27FC236}">
              <a16:creationId xmlns:a16="http://schemas.microsoft.com/office/drawing/2014/main" id="{F3C17F10-0195-4AD9-B751-3220C6FDCD90}"/>
            </a:ext>
          </a:extLst>
        </xdr:cNvPr>
        <xdr:cNvSpPr/>
      </xdr:nvSpPr>
      <xdr:spPr>
        <a:xfrm>
          <a:off x="1525905" y="584030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F9D6BAD5-81BD-41B5-836D-7938805AB16D}"/>
            </a:ext>
          </a:extLst>
        </xdr:cNvPr>
        <xdr:cNvSpPr txBox="1"/>
      </xdr:nvSpPr>
      <xdr:spPr>
        <a:xfrm>
          <a:off x="40532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F027FAFB-20BC-4744-955F-0D8A8BF1C0CC}"/>
            </a:ext>
          </a:extLst>
        </xdr:cNvPr>
        <xdr:cNvSpPr txBox="1"/>
      </xdr:nvSpPr>
      <xdr:spPr>
        <a:xfrm>
          <a:off x="34334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59004AE0-D0E5-4EAB-8404-F4508223DD3A}"/>
            </a:ext>
          </a:extLst>
        </xdr:cNvPr>
        <xdr:cNvSpPr txBox="1"/>
      </xdr:nvSpPr>
      <xdr:spPr>
        <a:xfrm>
          <a:off x="27628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E16B5315-0933-4B07-9C3D-0388576EBE65}"/>
            </a:ext>
          </a:extLst>
        </xdr:cNvPr>
        <xdr:cNvSpPr txBox="1"/>
      </xdr:nvSpPr>
      <xdr:spPr>
        <a:xfrm>
          <a:off x="20923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58416207-33CB-443E-BAC2-342ABC97B8E4}"/>
            </a:ext>
          </a:extLst>
        </xdr:cNvPr>
        <xdr:cNvSpPr txBox="1"/>
      </xdr:nvSpPr>
      <xdr:spPr>
        <a:xfrm>
          <a:off x="14217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4</xdr:row>
      <xdr:rowOff>14181</xdr:rowOff>
    </xdr:from>
    <xdr:to>
      <xdr:col>23</xdr:col>
      <xdr:colOff>136525</xdr:colOff>
      <xdr:row>34</xdr:row>
      <xdr:rowOff>115781</xdr:rowOff>
    </xdr:to>
    <xdr:sp macro="" textlink="">
      <xdr:nvSpPr>
        <xdr:cNvPr id="81" name="楕円 80">
          <a:extLst>
            <a:ext uri="{FF2B5EF4-FFF2-40B4-BE49-F238E27FC236}">
              <a16:creationId xmlns:a16="http://schemas.microsoft.com/office/drawing/2014/main" id="{F0C696A5-29B7-4EC7-8086-E1FE502802AD}"/>
            </a:ext>
          </a:extLst>
        </xdr:cNvPr>
        <xdr:cNvSpPr/>
      </xdr:nvSpPr>
      <xdr:spPr>
        <a:xfrm>
          <a:off x="4157345" y="6483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3</xdr:row>
      <xdr:rowOff>164058</xdr:rowOff>
    </xdr:from>
    <xdr:ext cx="405111" cy="259045"/>
    <xdr:sp macro="" textlink="">
      <xdr:nvSpPr>
        <xdr:cNvPr id="82" name="有形固定資産減価償却率該当値テキスト">
          <a:extLst>
            <a:ext uri="{FF2B5EF4-FFF2-40B4-BE49-F238E27FC236}">
              <a16:creationId xmlns:a16="http://schemas.microsoft.com/office/drawing/2014/main" id="{AE5BF250-897A-4C96-B370-25D905DAC32B}"/>
            </a:ext>
          </a:extLst>
        </xdr:cNvPr>
        <xdr:cNvSpPr txBox="1"/>
      </xdr:nvSpPr>
      <xdr:spPr>
        <a:xfrm>
          <a:off x="4258945" y="6465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3</xdr:row>
      <xdr:rowOff>146050</xdr:rowOff>
    </xdr:from>
    <xdr:to>
      <xdr:col>19</xdr:col>
      <xdr:colOff>187325</xdr:colOff>
      <xdr:row>34</xdr:row>
      <xdr:rowOff>76200</xdr:rowOff>
    </xdr:to>
    <xdr:sp macro="" textlink="">
      <xdr:nvSpPr>
        <xdr:cNvPr id="83" name="楕円 82">
          <a:extLst>
            <a:ext uri="{FF2B5EF4-FFF2-40B4-BE49-F238E27FC236}">
              <a16:creationId xmlns:a16="http://schemas.microsoft.com/office/drawing/2014/main" id="{E4248C08-8A81-4339-874E-8F8F1A2ECAC9}"/>
            </a:ext>
          </a:extLst>
        </xdr:cNvPr>
        <xdr:cNvSpPr/>
      </xdr:nvSpPr>
      <xdr:spPr>
        <a:xfrm>
          <a:off x="3537585" y="64477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4</xdr:row>
      <xdr:rowOff>25400</xdr:rowOff>
    </xdr:from>
    <xdr:to>
      <xdr:col>23</xdr:col>
      <xdr:colOff>85725</xdr:colOff>
      <xdr:row>34</xdr:row>
      <xdr:rowOff>64981</xdr:rowOff>
    </xdr:to>
    <xdr:cxnSp macro="">
      <xdr:nvCxnSpPr>
        <xdr:cNvPr id="84" name="直線コネクタ 83">
          <a:extLst>
            <a:ext uri="{FF2B5EF4-FFF2-40B4-BE49-F238E27FC236}">
              <a16:creationId xmlns:a16="http://schemas.microsoft.com/office/drawing/2014/main" id="{838D0CF3-0B45-4444-9DE6-5226ED7B74B3}"/>
            </a:ext>
          </a:extLst>
        </xdr:cNvPr>
        <xdr:cNvCxnSpPr/>
      </xdr:nvCxnSpPr>
      <xdr:spPr>
        <a:xfrm>
          <a:off x="3588385" y="6494780"/>
          <a:ext cx="619760" cy="39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4</xdr:row>
      <xdr:rowOff>158115</xdr:rowOff>
    </xdr:from>
    <xdr:to>
      <xdr:col>15</xdr:col>
      <xdr:colOff>187325</xdr:colOff>
      <xdr:row>35</xdr:row>
      <xdr:rowOff>88265</xdr:rowOff>
    </xdr:to>
    <xdr:sp macro="" textlink="">
      <xdr:nvSpPr>
        <xdr:cNvPr id="85" name="楕円 84">
          <a:extLst>
            <a:ext uri="{FF2B5EF4-FFF2-40B4-BE49-F238E27FC236}">
              <a16:creationId xmlns:a16="http://schemas.microsoft.com/office/drawing/2014/main" id="{10CBDCB9-9617-4C24-AC39-6ECCDCE807AA}"/>
            </a:ext>
          </a:extLst>
        </xdr:cNvPr>
        <xdr:cNvSpPr/>
      </xdr:nvSpPr>
      <xdr:spPr>
        <a:xfrm>
          <a:off x="2867025" y="662749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4</xdr:row>
      <xdr:rowOff>25400</xdr:rowOff>
    </xdr:from>
    <xdr:to>
      <xdr:col>19</xdr:col>
      <xdr:colOff>136525</xdr:colOff>
      <xdr:row>35</xdr:row>
      <xdr:rowOff>37465</xdr:rowOff>
    </xdr:to>
    <xdr:cxnSp macro="">
      <xdr:nvCxnSpPr>
        <xdr:cNvPr id="86" name="直線コネクタ 85">
          <a:extLst>
            <a:ext uri="{FF2B5EF4-FFF2-40B4-BE49-F238E27FC236}">
              <a16:creationId xmlns:a16="http://schemas.microsoft.com/office/drawing/2014/main" id="{A19FC4B3-3002-4E7E-904D-B601D99032EE}"/>
            </a:ext>
          </a:extLst>
        </xdr:cNvPr>
        <xdr:cNvCxnSpPr/>
      </xdr:nvCxnSpPr>
      <xdr:spPr>
        <a:xfrm flipV="1">
          <a:off x="2917825" y="6494780"/>
          <a:ext cx="670560" cy="179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4</xdr:row>
      <xdr:rowOff>125730</xdr:rowOff>
    </xdr:from>
    <xdr:to>
      <xdr:col>11</xdr:col>
      <xdr:colOff>187325</xdr:colOff>
      <xdr:row>35</xdr:row>
      <xdr:rowOff>55880</xdr:rowOff>
    </xdr:to>
    <xdr:sp macro="" textlink="">
      <xdr:nvSpPr>
        <xdr:cNvPr id="87" name="楕円 86">
          <a:extLst>
            <a:ext uri="{FF2B5EF4-FFF2-40B4-BE49-F238E27FC236}">
              <a16:creationId xmlns:a16="http://schemas.microsoft.com/office/drawing/2014/main" id="{D090B9A2-8D3A-4E67-89BE-E05418F43976}"/>
            </a:ext>
          </a:extLst>
        </xdr:cNvPr>
        <xdr:cNvSpPr/>
      </xdr:nvSpPr>
      <xdr:spPr>
        <a:xfrm>
          <a:off x="2196465" y="659511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5</xdr:row>
      <xdr:rowOff>5080</xdr:rowOff>
    </xdr:from>
    <xdr:to>
      <xdr:col>15</xdr:col>
      <xdr:colOff>136525</xdr:colOff>
      <xdr:row>35</xdr:row>
      <xdr:rowOff>37465</xdr:rowOff>
    </xdr:to>
    <xdr:cxnSp macro="">
      <xdr:nvCxnSpPr>
        <xdr:cNvPr id="88" name="直線コネクタ 87">
          <a:extLst>
            <a:ext uri="{FF2B5EF4-FFF2-40B4-BE49-F238E27FC236}">
              <a16:creationId xmlns:a16="http://schemas.microsoft.com/office/drawing/2014/main" id="{A8A698A9-B6FD-4EDE-A038-6C9C52D9DF95}"/>
            </a:ext>
          </a:extLst>
        </xdr:cNvPr>
        <xdr:cNvCxnSpPr/>
      </xdr:nvCxnSpPr>
      <xdr:spPr>
        <a:xfrm>
          <a:off x="2247265" y="6642100"/>
          <a:ext cx="67056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4</xdr:row>
      <xdr:rowOff>140123</xdr:rowOff>
    </xdr:from>
    <xdr:to>
      <xdr:col>7</xdr:col>
      <xdr:colOff>187325</xdr:colOff>
      <xdr:row>35</xdr:row>
      <xdr:rowOff>70273</xdr:rowOff>
    </xdr:to>
    <xdr:sp macro="" textlink="">
      <xdr:nvSpPr>
        <xdr:cNvPr id="89" name="楕円 88">
          <a:extLst>
            <a:ext uri="{FF2B5EF4-FFF2-40B4-BE49-F238E27FC236}">
              <a16:creationId xmlns:a16="http://schemas.microsoft.com/office/drawing/2014/main" id="{970CAF19-6ECB-4ECD-9172-E24325F67DFA}"/>
            </a:ext>
          </a:extLst>
        </xdr:cNvPr>
        <xdr:cNvSpPr/>
      </xdr:nvSpPr>
      <xdr:spPr>
        <a:xfrm>
          <a:off x="1525905" y="660950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5</xdr:row>
      <xdr:rowOff>5080</xdr:rowOff>
    </xdr:from>
    <xdr:to>
      <xdr:col>11</xdr:col>
      <xdr:colOff>136525</xdr:colOff>
      <xdr:row>35</xdr:row>
      <xdr:rowOff>19473</xdr:rowOff>
    </xdr:to>
    <xdr:cxnSp macro="">
      <xdr:nvCxnSpPr>
        <xdr:cNvPr id="90" name="直線コネクタ 89">
          <a:extLst>
            <a:ext uri="{FF2B5EF4-FFF2-40B4-BE49-F238E27FC236}">
              <a16:creationId xmlns:a16="http://schemas.microsoft.com/office/drawing/2014/main" id="{629AFD3A-2C0B-444D-961F-4CE1305830B9}"/>
            </a:ext>
          </a:extLst>
        </xdr:cNvPr>
        <xdr:cNvCxnSpPr/>
      </xdr:nvCxnSpPr>
      <xdr:spPr>
        <a:xfrm flipV="1">
          <a:off x="1576705" y="6642100"/>
          <a:ext cx="670560" cy="14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49335</xdr:rowOff>
    </xdr:from>
    <xdr:ext cx="405111" cy="259045"/>
    <xdr:sp macro="" textlink="">
      <xdr:nvSpPr>
        <xdr:cNvPr id="91" name="n_1aveValue有形固定資産減価償却率">
          <a:extLst>
            <a:ext uri="{FF2B5EF4-FFF2-40B4-BE49-F238E27FC236}">
              <a16:creationId xmlns:a16="http://schemas.microsoft.com/office/drawing/2014/main" id="{E15EE968-326A-44BD-9373-F28FA3EB4FDE}"/>
            </a:ext>
          </a:extLst>
        </xdr:cNvPr>
        <xdr:cNvSpPr txBox="1"/>
      </xdr:nvSpPr>
      <xdr:spPr>
        <a:xfrm>
          <a:off x="3395989" y="5680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67327</xdr:rowOff>
    </xdr:from>
    <xdr:ext cx="405111" cy="259045"/>
    <xdr:sp macro="" textlink="">
      <xdr:nvSpPr>
        <xdr:cNvPr id="92" name="n_2aveValue有形固定資産減価償却率">
          <a:extLst>
            <a:ext uri="{FF2B5EF4-FFF2-40B4-BE49-F238E27FC236}">
              <a16:creationId xmlns:a16="http://schemas.microsoft.com/office/drawing/2014/main" id="{1E7B7889-74AB-4576-8088-CA39D5CCDC98}"/>
            </a:ext>
          </a:extLst>
        </xdr:cNvPr>
        <xdr:cNvSpPr txBox="1"/>
      </xdr:nvSpPr>
      <xdr:spPr>
        <a:xfrm>
          <a:off x="2738129" y="569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24147</xdr:rowOff>
    </xdr:from>
    <xdr:ext cx="405111" cy="259045"/>
    <xdr:sp macro="" textlink="">
      <xdr:nvSpPr>
        <xdr:cNvPr id="93" name="n_3aveValue有形固定資産減価償却率">
          <a:extLst>
            <a:ext uri="{FF2B5EF4-FFF2-40B4-BE49-F238E27FC236}">
              <a16:creationId xmlns:a16="http://schemas.microsoft.com/office/drawing/2014/main" id="{79613BC7-32F1-4FD8-A54B-07D312DF555B}"/>
            </a:ext>
          </a:extLst>
        </xdr:cNvPr>
        <xdr:cNvSpPr txBox="1"/>
      </xdr:nvSpPr>
      <xdr:spPr>
        <a:xfrm>
          <a:off x="2067569" y="5655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59614</xdr:rowOff>
    </xdr:from>
    <xdr:ext cx="405111" cy="259045"/>
    <xdr:sp macro="" textlink="">
      <xdr:nvSpPr>
        <xdr:cNvPr id="94" name="n_4aveValue有形固定資産減価償却率">
          <a:extLst>
            <a:ext uri="{FF2B5EF4-FFF2-40B4-BE49-F238E27FC236}">
              <a16:creationId xmlns:a16="http://schemas.microsoft.com/office/drawing/2014/main" id="{C4A4090D-33DB-4524-81B4-EE2DFAEDB139}"/>
            </a:ext>
          </a:extLst>
        </xdr:cNvPr>
        <xdr:cNvSpPr txBox="1"/>
      </xdr:nvSpPr>
      <xdr:spPr>
        <a:xfrm>
          <a:off x="1397009" y="56231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4</xdr:row>
      <xdr:rowOff>67327</xdr:rowOff>
    </xdr:from>
    <xdr:ext cx="405111" cy="259045"/>
    <xdr:sp macro="" textlink="">
      <xdr:nvSpPr>
        <xdr:cNvPr id="95" name="n_1mainValue有形固定資産減価償却率">
          <a:extLst>
            <a:ext uri="{FF2B5EF4-FFF2-40B4-BE49-F238E27FC236}">
              <a16:creationId xmlns:a16="http://schemas.microsoft.com/office/drawing/2014/main" id="{B5B8EA10-72B6-419E-B893-7E2B0E057239}"/>
            </a:ext>
          </a:extLst>
        </xdr:cNvPr>
        <xdr:cNvSpPr txBox="1"/>
      </xdr:nvSpPr>
      <xdr:spPr>
        <a:xfrm>
          <a:off x="3395989" y="6536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5</xdr:row>
      <xdr:rowOff>79392</xdr:rowOff>
    </xdr:from>
    <xdr:ext cx="405111" cy="259045"/>
    <xdr:sp macro="" textlink="">
      <xdr:nvSpPr>
        <xdr:cNvPr id="96" name="n_2mainValue有形固定資産減価償却率">
          <a:extLst>
            <a:ext uri="{FF2B5EF4-FFF2-40B4-BE49-F238E27FC236}">
              <a16:creationId xmlns:a16="http://schemas.microsoft.com/office/drawing/2014/main" id="{2DF10D27-3E0C-429B-BEAE-D63C078D847E}"/>
            </a:ext>
          </a:extLst>
        </xdr:cNvPr>
        <xdr:cNvSpPr txBox="1"/>
      </xdr:nvSpPr>
      <xdr:spPr>
        <a:xfrm>
          <a:off x="2738129" y="6716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5</xdr:row>
      <xdr:rowOff>47007</xdr:rowOff>
    </xdr:from>
    <xdr:ext cx="405111" cy="259045"/>
    <xdr:sp macro="" textlink="">
      <xdr:nvSpPr>
        <xdr:cNvPr id="97" name="n_3mainValue有形固定資産減価償却率">
          <a:extLst>
            <a:ext uri="{FF2B5EF4-FFF2-40B4-BE49-F238E27FC236}">
              <a16:creationId xmlns:a16="http://schemas.microsoft.com/office/drawing/2014/main" id="{84E58BF1-6A75-4483-8001-CBDD5E058BD0}"/>
            </a:ext>
          </a:extLst>
        </xdr:cNvPr>
        <xdr:cNvSpPr txBox="1"/>
      </xdr:nvSpPr>
      <xdr:spPr>
        <a:xfrm>
          <a:off x="2067569" y="668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5</xdr:row>
      <xdr:rowOff>61400</xdr:rowOff>
    </xdr:from>
    <xdr:ext cx="405111" cy="259045"/>
    <xdr:sp macro="" textlink="">
      <xdr:nvSpPr>
        <xdr:cNvPr id="98" name="n_4mainValue有形固定資産減価償却率">
          <a:extLst>
            <a:ext uri="{FF2B5EF4-FFF2-40B4-BE49-F238E27FC236}">
              <a16:creationId xmlns:a16="http://schemas.microsoft.com/office/drawing/2014/main" id="{464B4DD7-B851-495B-A3A6-3D997C5DF59A}"/>
            </a:ext>
          </a:extLst>
        </xdr:cNvPr>
        <xdr:cNvSpPr txBox="1"/>
      </xdr:nvSpPr>
      <xdr:spPr>
        <a:xfrm>
          <a:off x="1397009" y="6698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34FCA46B-E2ED-483E-AD6A-DF9FFD270EA7}"/>
            </a:ext>
          </a:extLst>
        </xdr:cNvPr>
        <xdr:cNvSpPr/>
      </xdr:nvSpPr>
      <xdr:spPr>
        <a:xfrm>
          <a:off x="9971405" y="4180205"/>
          <a:ext cx="371602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5DD9C25D-ADA9-4FBD-984E-48938F62ACAF}"/>
            </a:ext>
          </a:extLst>
        </xdr:cNvPr>
        <xdr:cNvSpPr/>
      </xdr:nvSpPr>
      <xdr:spPr>
        <a:xfrm>
          <a:off x="10904488" y="453891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2868E0EA-E1B2-479E-A82D-89AD35A369CB}"/>
            </a:ext>
          </a:extLst>
        </xdr:cNvPr>
        <xdr:cNvSpPr/>
      </xdr:nvSpPr>
      <xdr:spPr>
        <a:xfrm>
          <a:off x="12166505" y="4522246"/>
          <a:ext cx="839659"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8.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B623DEE8-F587-47B4-8A13-DE2A719BF0BC}"/>
            </a:ext>
          </a:extLst>
        </xdr:cNvPr>
        <xdr:cNvSpPr/>
      </xdr:nvSpPr>
      <xdr:spPr>
        <a:xfrm>
          <a:off x="1365948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A4D69211-24F6-4276-8F06-082894CE8C60}"/>
            </a:ext>
          </a:extLst>
        </xdr:cNvPr>
        <xdr:cNvSpPr/>
      </xdr:nvSpPr>
      <xdr:spPr>
        <a:xfrm>
          <a:off x="1365948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57F340BA-8815-4E55-957B-7151AD526ECA}"/>
            </a:ext>
          </a:extLst>
        </xdr:cNvPr>
        <xdr:cNvSpPr/>
      </xdr:nvSpPr>
      <xdr:spPr>
        <a:xfrm>
          <a:off x="150006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E4AD4ADA-336D-4558-BCD7-CA052AB1B8F6}"/>
            </a:ext>
          </a:extLst>
        </xdr:cNvPr>
        <xdr:cNvSpPr/>
      </xdr:nvSpPr>
      <xdr:spPr>
        <a:xfrm>
          <a:off x="150006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C952D986-2988-4917-A44A-A21F164EF168}"/>
            </a:ext>
          </a:extLst>
        </xdr:cNvPr>
        <xdr:cNvSpPr/>
      </xdr:nvSpPr>
      <xdr:spPr>
        <a:xfrm>
          <a:off x="1644586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56693E6C-51E6-4252-8167-2E406FA727BE}"/>
            </a:ext>
          </a:extLst>
        </xdr:cNvPr>
        <xdr:cNvSpPr/>
      </xdr:nvSpPr>
      <xdr:spPr>
        <a:xfrm>
          <a:off x="1644586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8784FE53-E595-42D6-85CA-44FBCF02EAE9}"/>
            </a:ext>
          </a:extLst>
        </xdr:cNvPr>
        <xdr:cNvSpPr/>
      </xdr:nvSpPr>
      <xdr:spPr>
        <a:xfrm>
          <a:off x="9971405" y="485965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3C8DA576-168B-4C54-A6D3-478C3AF50C36}"/>
            </a:ext>
          </a:extLst>
        </xdr:cNvPr>
        <xdr:cNvSpPr/>
      </xdr:nvSpPr>
      <xdr:spPr>
        <a:xfrm>
          <a:off x="1393126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135BCC37-F534-4850-AD65-BFFA0067F074}"/>
            </a:ext>
          </a:extLst>
        </xdr:cNvPr>
        <xdr:cNvSpPr/>
      </xdr:nvSpPr>
      <xdr:spPr>
        <a:xfrm>
          <a:off x="1393126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4F9F1B32-E552-4FA2-AA2E-D14485F26787}"/>
            </a:ext>
          </a:extLst>
        </xdr:cNvPr>
        <xdr:cNvSpPr txBox="1"/>
      </xdr:nvSpPr>
      <xdr:spPr>
        <a:xfrm>
          <a:off x="1400746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latin typeface="ＭＳ Ｐゴシック" panose="020B0600070205080204" pitchFamily="50" charset="-128"/>
              <a:ea typeface="ＭＳ Ｐゴシック" panose="020B0600070205080204" pitchFamily="50" charset="-128"/>
            </a:rPr>
            <a:t>債務償還比率は前年度から</a:t>
          </a:r>
          <a:r>
            <a:rPr kumimoji="1" lang="en-US" altLang="ja-JP" sz="1000">
              <a:latin typeface="ＭＳ Ｐゴシック" panose="020B0600070205080204" pitchFamily="50" charset="-128"/>
              <a:ea typeface="ＭＳ Ｐゴシック" panose="020B0600070205080204" pitchFamily="50" charset="-128"/>
            </a:rPr>
            <a:t>173.6</a:t>
          </a:r>
          <a:r>
            <a:rPr kumimoji="1" lang="ja-JP" altLang="en-US" sz="1000">
              <a:latin typeface="ＭＳ Ｐゴシック" panose="020B0600070205080204" pitchFamily="50" charset="-128"/>
              <a:ea typeface="ＭＳ Ｐゴシック" panose="020B0600070205080204" pitchFamily="50" charset="-128"/>
            </a:rPr>
            <a:t>ポイント増加している。主な要因としては臨時財政対策債発行可能額の減に伴う経常一般財源の減及び人件費、物件費等の経常経費の増によるものと考えられる。また、類似団体平均と比較すると依然として高い数値となっている。これは平成</a:t>
          </a:r>
          <a:r>
            <a:rPr kumimoji="1" lang="en-US" altLang="ja-JP" sz="1000">
              <a:latin typeface="ＭＳ Ｐゴシック" panose="020B0600070205080204" pitchFamily="50" charset="-128"/>
              <a:ea typeface="ＭＳ Ｐゴシック" panose="020B0600070205080204" pitchFamily="50" charset="-128"/>
            </a:rPr>
            <a:t>22</a:t>
          </a:r>
          <a:r>
            <a:rPr kumimoji="1" lang="ja-JP" altLang="en-US" sz="1000">
              <a:latin typeface="ＭＳ Ｐゴシック" panose="020B0600070205080204" pitchFamily="50" charset="-128"/>
              <a:ea typeface="ＭＳ Ｐゴシック" panose="020B0600070205080204" pitchFamily="50" charset="-128"/>
            </a:rPr>
            <a:t>年度の花の丘公園用地取得や平成</a:t>
          </a:r>
          <a:r>
            <a:rPr kumimoji="1" lang="en-US" altLang="ja-JP" sz="1000">
              <a:latin typeface="ＭＳ Ｐゴシック" panose="020B0600070205080204" pitchFamily="50" charset="-128"/>
              <a:ea typeface="ＭＳ Ｐゴシック" panose="020B0600070205080204" pitchFamily="50" charset="-128"/>
            </a:rPr>
            <a:t>20</a:t>
          </a:r>
          <a:r>
            <a:rPr kumimoji="1" lang="ja-JP" altLang="en-US" sz="1000">
              <a:latin typeface="ＭＳ Ｐゴシック" panose="020B0600070205080204" pitchFamily="50" charset="-128"/>
              <a:ea typeface="ＭＳ Ｐゴシック" panose="020B0600070205080204" pitchFamily="50" charset="-128"/>
            </a:rPr>
            <a:t>年度から平成</a:t>
          </a:r>
          <a:r>
            <a:rPr kumimoji="1" lang="en-US" altLang="ja-JP" sz="1000">
              <a:latin typeface="ＭＳ Ｐゴシック" panose="020B0600070205080204" pitchFamily="50" charset="-128"/>
              <a:ea typeface="ＭＳ Ｐゴシック" panose="020B0600070205080204" pitchFamily="50" charset="-128"/>
            </a:rPr>
            <a:t>22</a:t>
          </a:r>
          <a:r>
            <a:rPr kumimoji="1" lang="ja-JP" altLang="en-US" sz="1000">
              <a:latin typeface="ＭＳ Ｐゴシック" panose="020B0600070205080204" pitchFamily="50" charset="-128"/>
              <a:ea typeface="ＭＳ Ｐゴシック" panose="020B0600070205080204" pitchFamily="50" charset="-128"/>
            </a:rPr>
            <a:t>年度の学校給食センター等の整備にあたって借り入れを行った地方債が影響している。近年は減少傾向にあるものの今後控えている庁舎の更新やその他の施設の改修等を行う際には、地方債の借り入れを検討しなければならないことから経常経費の抑制に努める必要がある。</a:t>
          </a:r>
          <a:endParaRPr kumimoji="1" lang="en-US" altLang="ja-JP" sz="10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C91C2259-58A7-4E45-8140-82D12433934B}"/>
            </a:ext>
          </a:extLst>
        </xdr:cNvPr>
        <xdr:cNvSpPr txBox="1"/>
      </xdr:nvSpPr>
      <xdr:spPr>
        <a:xfrm>
          <a:off x="993330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D4362010-C862-4DDD-B291-EC7C2DE235CA}"/>
            </a:ext>
          </a:extLst>
        </xdr:cNvPr>
        <xdr:cNvCxnSpPr/>
      </xdr:nvCxnSpPr>
      <xdr:spPr>
        <a:xfrm>
          <a:off x="9971405" y="697293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740E84DB-2BAC-424A-9EC4-AECC27608290}"/>
            </a:ext>
          </a:extLst>
        </xdr:cNvPr>
        <xdr:cNvSpPr txBox="1"/>
      </xdr:nvSpPr>
      <xdr:spPr>
        <a:xfrm>
          <a:off x="9486041" y="687913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a:extLst>
            <a:ext uri="{FF2B5EF4-FFF2-40B4-BE49-F238E27FC236}">
              <a16:creationId xmlns:a16="http://schemas.microsoft.com/office/drawing/2014/main" id="{A6A95C7D-A790-47AF-89F1-74B961231807}"/>
            </a:ext>
          </a:extLst>
        </xdr:cNvPr>
        <xdr:cNvCxnSpPr/>
      </xdr:nvCxnSpPr>
      <xdr:spPr>
        <a:xfrm>
          <a:off x="9971405" y="662072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a:extLst>
            <a:ext uri="{FF2B5EF4-FFF2-40B4-BE49-F238E27FC236}">
              <a16:creationId xmlns:a16="http://schemas.microsoft.com/office/drawing/2014/main" id="{ACAB2E90-90CA-4ECE-B9C3-512D4D858CC6}"/>
            </a:ext>
          </a:extLst>
        </xdr:cNvPr>
        <xdr:cNvSpPr txBox="1"/>
      </xdr:nvSpPr>
      <xdr:spPr>
        <a:xfrm>
          <a:off x="9486041" y="652692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a:extLst>
            <a:ext uri="{FF2B5EF4-FFF2-40B4-BE49-F238E27FC236}">
              <a16:creationId xmlns:a16="http://schemas.microsoft.com/office/drawing/2014/main" id="{76D237BC-A16A-41A3-9247-5FF421FB9FBE}"/>
            </a:ext>
          </a:extLst>
        </xdr:cNvPr>
        <xdr:cNvCxnSpPr/>
      </xdr:nvCxnSpPr>
      <xdr:spPr>
        <a:xfrm>
          <a:off x="9971405" y="626850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a:extLst>
            <a:ext uri="{FF2B5EF4-FFF2-40B4-BE49-F238E27FC236}">
              <a16:creationId xmlns:a16="http://schemas.microsoft.com/office/drawing/2014/main" id="{78192C05-E1CD-4482-ADDC-A56FD0C86223}"/>
            </a:ext>
          </a:extLst>
        </xdr:cNvPr>
        <xdr:cNvSpPr txBox="1"/>
      </xdr:nvSpPr>
      <xdr:spPr>
        <a:xfrm>
          <a:off x="9542936" y="61747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a:extLst>
            <a:ext uri="{FF2B5EF4-FFF2-40B4-BE49-F238E27FC236}">
              <a16:creationId xmlns:a16="http://schemas.microsoft.com/office/drawing/2014/main" id="{FF69C9DD-298A-4D92-8BBC-8567EFEAA109}"/>
            </a:ext>
          </a:extLst>
        </xdr:cNvPr>
        <xdr:cNvCxnSpPr/>
      </xdr:nvCxnSpPr>
      <xdr:spPr>
        <a:xfrm>
          <a:off x="9971405" y="59162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a:extLst>
            <a:ext uri="{FF2B5EF4-FFF2-40B4-BE49-F238E27FC236}">
              <a16:creationId xmlns:a16="http://schemas.microsoft.com/office/drawing/2014/main" id="{54F0327A-7F29-4120-90BC-CD2ECE7728A4}"/>
            </a:ext>
          </a:extLst>
        </xdr:cNvPr>
        <xdr:cNvSpPr txBox="1"/>
      </xdr:nvSpPr>
      <xdr:spPr>
        <a:xfrm>
          <a:off x="9542936" y="582249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a:extLst>
            <a:ext uri="{FF2B5EF4-FFF2-40B4-BE49-F238E27FC236}">
              <a16:creationId xmlns:a16="http://schemas.microsoft.com/office/drawing/2014/main" id="{3A717146-54BA-4CB5-BA77-369223C3D290}"/>
            </a:ext>
          </a:extLst>
        </xdr:cNvPr>
        <xdr:cNvCxnSpPr/>
      </xdr:nvCxnSpPr>
      <xdr:spPr>
        <a:xfrm>
          <a:off x="9971405" y="556408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a:extLst>
            <a:ext uri="{FF2B5EF4-FFF2-40B4-BE49-F238E27FC236}">
              <a16:creationId xmlns:a16="http://schemas.microsoft.com/office/drawing/2014/main" id="{F16592A2-323F-4D13-9F6C-F894B1DA3798}"/>
            </a:ext>
          </a:extLst>
        </xdr:cNvPr>
        <xdr:cNvSpPr txBox="1"/>
      </xdr:nvSpPr>
      <xdr:spPr>
        <a:xfrm>
          <a:off x="9542936" y="547028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a:extLst>
            <a:ext uri="{FF2B5EF4-FFF2-40B4-BE49-F238E27FC236}">
              <a16:creationId xmlns:a16="http://schemas.microsoft.com/office/drawing/2014/main" id="{B9198DF3-5B80-4F36-9578-BE2034EC3613}"/>
            </a:ext>
          </a:extLst>
        </xdr:cNvPr>
        <xdr:cNvCxnSpPr/>
      </xdr:nvCxnSpPr>
      <xdr:spPr>
        <a:xfrm>
          <a:off x="9971405" y="521186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a:extLst>
            <a:ext uri="{FF2B5EF4-FFF2-40B4-BE49-F238E27FC236}">
              <a16:creationId xmlns:a16="http://schemas.microsoft.com/office/drawing/2014/main" id="{F15BD2D0-3AD4-494E-AFDE-402910F2CFD3}"/>
            </a:ext>
          </a:extLst>
        </xdr:cNvPr>
        <xdr:cNvSpPr txBox="1"/>
      </xdr:nvSpPr>
      <xdr:spPr>
        <a:xfrm>
          <a:off x="9645528" y="512187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id="{630FE6C4-29B1-4498-A54A-690C7AD31F99}"/>
            </a:ext>
          </a:extLst>
        </xdr:cNvPr>
        <xdr:cNvCxnSpPr/>
      </xdr:nvCxnSpPr>
      <xdr:spPr>
        <a:xfrm>
          <a:off x="9971405" y="485965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id="{F91E2412-4815-430B-8C98-4447C1093084}"/>
            </a:ext>
          </a:extLst>
        </xdr:cNvPr>
        <xdr:cNvSpPr/>
      </xdr:nvSpPr>
      <xdr:spPr>
        <a:xfrm>
          <a:off x="9971405" y="485965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47709</xdr:rowOff>
    </xdr:to>
    <xdr:cxnSp macro="">
      <xdr:nvCxnSpPr>
        <xdr:cNvPr id="127" name="直線コネクタ 126">
          <a:extLst>
            <a:ext uri="{FF2B5EF4-FFF2-40B4-BE49-F238E27FC236}">
              <a16:creationId xmlns:a16="http://schemas.microsoft.com/office/drawing/2014/main" id="{1EAA58D7-3E95-4077-B094-2FAB6529E65A}"/>
            </a:ext>
          </a:extLst>
        </xdr:cNvPr>
        <xdr:cNvCxnSpPr/>
      </xdr:nvCxnSpPr>
      <xdr:spPr>
        <a:xfrm flipV="1">
          <a:off x="13027660" y="5211868"/>
          <a:ext cx="1269" cy="13052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51536</xdr:rowOff>
    </xdr:from>
    <xdr:ext cx="560923" cy="259045"/>
    <xdr:sp macro="" textlink="">
      <xdr:nvSpPr>
        <xdr:cNvPr id="128" name="債務償還比率最小値テキスト">
          <a:extLst>
            <a:ext uri="{FF2B5EF4-FFF2-40B4-BE49-F238E27FC236}">
              <a16:creationId xmlns:a16="http://schemas.microsoft.com/office/drawing/2014/main" id="{531E1136-9442-4B67-8A45-2F7EF7B1C6D3}"/>
            </a:ext>
          </a:extLst>
        </xdr:cNvPr>
        <xdr:cNvSpPr txBox="1"/>
      </xdr:nvSpPr>
      <xdr:spPr>
        <a:xfrm>
          <a:off x="13080365" y="652091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47709</xdr:rowOff>
    </xdr:from>
    <xdr:to>
      <xdr:col>76</xdr:col>
      <xdr:colOff>111125</xdr:colOff>
      <xdr:row>34</xdr:row>
      <xdr:rowOff>47709</xdr:rowOff>
    </xdr:to>
    <xdr:cxnSp macro="">
      <xdr:nvCxnSpPr>
        <xdr:cNvPr id="129" name="直線コネクタ 128">
          <a:extLst>
            <a:ext uri="{FF2B5EF4-FFF2-40B4-BE49-F238E27FC236}">
              <a16:creationId xmlns:a16="http://schemas.microsoft.com/office/drawing/2014/main" id="{0B5E3102-9483-47DF-A34E-5719C72F7DF9}"/>
            </a:ext>
          </a:extLst>
        </xdr:cNvPr>
        <xdr:cNvCxnSpPr/>
      </xdr:nvCxnSpPr>
      <xdr:spPr>
        <a:xfrm>
          <a:off x="12963525" y="651708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a:extLst>
            <a:ext uri="{FF2B5EF4-FFF2-40B4-BE49-F238E27FC236}">
              <a16:creationId xmlns:a16="http://schemas.microsoft.com/office/drawing/2014/main" id="{DBD45FB1-BB07-49CE-ABED-3413DD6B861D}"/>
            </a:ext>
          </a:extLst>
        </xdr:cNvPr>
        <xdr:cNvSpPr txBox="1"/>
      </xdr:nvSpPr>
      <xdr:spPr>
        <a:xfrm>
          <a:off x="13080365" y="499090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a:extLst>
            <a:ext uri="{FF2B5EF4-FFF2-40B4-BE49-F238E27FC236}">
              <a16:creationId xmlns:a16="http://schemas.microsoft.com/office/drawing/2014/main" id="{F807943D-B688-43E9-A2F3-E3B0E5393442}"/>
            </a:ext>
          </a:extLst>
        </xdr:cNvPr>
        <xdr:cNvCxnSpPr/>
      </xdr:nvCxnSpPr>
      <xdr:spPr>
        <a:xfrm>
          <a:off x="12963525" y="521186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84084</xdr:rowOff>
    </xdr:from>
    <xdr:ext cx="469744" cy="259045"/>
    <xdr:sp macro="" textlink="">
      <xdr:nvSpPr>
        <xdr:cNvPr id="132" name="債務償還比率平均値テキスト">
          <a:extLst>
            <a:ext uri="{FF2B5EF4-FFF2-40B4-BE49-F238E27FC236}">
              <a16:creationId xmlns:a16="http://schemas.microsoft.com/office/drawing/2014/main" id="{7AB8FD29-4BC7-4DD1-BF14-1DFB6352CE26}"/>
            </a:ext>
          </a:extLst>
        </xdr:cNvPr>
        <xdr:cNvSpPr txBox="1"/>
      </xdr:nvSpPr>
      <xdr:spPr>
        <a:xfrm>
          <a:off x="13080365" y="554762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61207</xdr:rowOff>
    </xdr:from>
    <xdr:to>
      <xdr:col>76</xdr:col>
      <xdr:colOff>73025</xdr:colOff>
      <xdr:row>29</xdr:row>
      <xdr:rowOff>162807</xdr:rowOff>
    </xdr:to>
    <xdr:sp macro="" textlink="">
      <xdr:nvSpPr>
        <xdr:cNvPr id="133" name="フローチャート: 判断 132">
          <a:extLst>
            <a:ext uri="{FF2B5EF4-FFF2-40B4-BE49-F238E27FC236}">
              <a16:creationId xmlns:a16="http://schemas.microsoft.com/office/drawing/2014/main" id="{D0E641FF-E7DD-4E00-A942-2BE770598943}"/>
            </a:ext>
          </a:extLst>
        </xdr:cNvPr>
        <xdr:cNvSpPr/>
      </xdr:nvSpPr>
      <xdr:spPr>
        <a:xfrm>
          <a:off x="13001625" y="569238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7472</xdr:rowOff>
    </xdr:from>
    <xdr:to>
      <xdr:col>72</xdr:col>
      <xdr:colOff>123825</xdr:colOff>
      <xdr:row>29</xdr:row>
      <xdr:rowOff>109072</xdr:rowOff>
    </xdr:to>
    <xdr:sp macro="" textlink="">
      <xdr:nvSpPr>
        <xdr:cNvPr id="134" name="フローチャート: 判断 133">
          <a:extLst>
            <a:ext uri="{FF2B5EF4-FFF2-40B4-BE49-F238E27FC236}">
              <a16:creationId xmlns:a16="http://schemas.microsoft.com/office/drawing/2014/main" id="{BD161F67-EC44-43C5-BD73-8D566C141C16}"/>
            </a:ext>
          </a:extLst>
        </xdr:cNvPr>
        <xdr:cNvSpPr/>
      </xdr:nvSpPr>
      <xdr:spPr>
        <a:xfrm>
          <a:off x="12359005" y="5638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3539</xdr:rowOff>
    </xdr:from>
    <xdr:to>
      <xdr:col>68</xdr:col>
      <xdr:colOff>123825</xdr:colOff>
      <xdr:row>30</xdr:row>
      <xdr:rowOff>115139</xdr:rowOff>
    </xdr:to>
    <xdr:sp macro="" textlink="">
      <xdr:nvSpPr>
        <xdr:cNvPr id="135" name="フローチャート: 判断 134">
          <a:extLst>
            <a:ext uri="{FF2B5EF4-FFF2-40B4-BE49-F238E27FC236}">
              <a16:creationId xmlns:a16="http://schemas.microsoft.com/office/drawing/2014/main" id="{01B8690F-2426-4277-A66E-5AA1DE412A9A}"/>
            </a:ext>
          </a:extLst>
        </xdr:cNvPr>
        <xdr:cNvSpPr/>
      </xdr:nvSpPr>
      <xdr:spPr>
        <a:xfrm>
          <a:off x="11688445" y="5812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73392</xdr:rowOff>
    </xdr:from>
    <xdr:to>
      <xdr:col>64</xdr:col>
      <xdr:colOff>123825</xdr:colOff>
      <xdr:row>31</xdr:row>
      <xdr:rowOff>3542</xdr:rowOff>
    </xdr:to>
    <xdr:sp macro="" textlink="">
      <xdr:nvSpPr>
        <xdr:cNvPr id="136" name="フローチャート: 判断 135">
          <a:extLst>
            <a:ext uri="{FF2B5EF4-FFF2-40B4-BE49-F238E27FC236}">
              <a16:creationId xmlns:a16="http://schemas.microsoft.com/office/drawing/2014/main" id="{A0FEDD01-D6DB-4763-95BB-1B0A4AFF8221}"/>
            </a:ext>
          </a:extLst>
        </xdr:cNvPr>
        <xdr:cNvSpPr/>
      </xdr:nvSpPr>
      <xdr:spPr>
        <a:xfrm>
          <a:off x="11017885" y="587221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6480</xdr:rowOff>
    </xdr:from>
    <xdr:to>
      <xdr:col>60</xdr:col>
      <xdr:colOff>123825</xdr:colOff>
      <xdr:row>30</xdr:row>
      <xdr:rowOff>158080</xdr:rowOff>
    </xdr:to>
    <xdr:sp macro="" textlink="">
      <xdr:nvSpPr>
        <xdr:cNvPr id="137" name="フローチャート: 判断 136">
          <a:extLst>
            <a:ext uri="{FF2B5EF4-FFF2-40B4-BE49-F238E27FC236}">
              <a16:creationId xmlns:a16="http://schemas.microsoft.com/office/drawing/2014/main" id="{BDDD2232-E5DB-4784-B5F7-481728339993}"/>
            </a:ext>
          </a:extLst>
        </xdr:cNvPr>
        <xdr:cNvSpPr/>
      </xdr:nvSpPr>
      <xdr:spPr>
        <a:xfrm>
          <a:off x="10347325" y="585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id="{7AF8CE93-6281-48B2-9A20-D77B35E701CE}"/>
            </a:ext>
          </a:extLst>
        </xdr:cNvPr>
        <xdr:cNvSpPr txBox="1"/>
      </xdr:nvSpPr>
      <xdr:spPr>
        <a:xfrm>
          <a:off x="128746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57A52C30-8C9D-4868-B64B-1621AF74E509}"/>
            </a:ext>
          </a:extLst>
        </xdr:cNvPr>
        <xdr:cNvSpPr txBox="1"/>
      </xdr:nvSpPr>
      <xdr:spPr>
        <a:xfrm>
          <a:off x="122548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F430C038-A52B-4F87-861B-894F957512C0}"/>
            </a:ext>
          </a:extLst>
        </xdr:cNvPr>
        <xdr:cNvSpPr txBox="1"/>
      </xdr:nvSpPr>
      <xdr:spPr>
        <a:xfrm>
          <a:off x="115843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64D3EABE-96E8-4443-879C-E99D5A5B016F}"/>
            </a:ext>
          </a:extLst>
        </xdr:cNvPr>
        <xdr:cNvSpPr txBox="1"/>
      </xdr:nvSpPr>
      <xdr:spPr>
        <a:xfrm>
          <a:off x="109137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76B6DD24-2CBD-43F8-AAFA-B2F0FE21F9A0}"/>
            </a:ext>
          </a:extLst>
        </xdr:cNvPr>
        <xdr:cNvSpPr txBox="1"/>
      </xdr:nvSpPr>
      <xdr:spPr>
        <a:xfrm>
          <a:off x="102431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60232</xdr:rowOff>
    </xdr:from>
    <xdr:to>
      <xdr:col>76</xdr:col>
      <xdr:colOff>73025</xdr:colOff>
      <xdr:row>31</xdr:row>
      <xdr:rowOff>90382</xdr:rowOff>
    </xdr:to>
    <xdr:sp macro="" textlink="">
      <xdr:nvSpPr>
        <xdr:cNvPr id="143" name="楕円 142">
          <a:extLst>
            <a:ext uri="{FF2B5EF4-FFF2-40B4-BE49-F238E27FC236}">
              <a16:creationId xmlns:a16="http://schemas.microsoft.com/office/drawing/2014/main" id="{D5353334-3924-497A-A62C-90B9C1932582}"/>
            </a:ext>
          </a:extLst>
        </xdr:cNvPr>
        <xdr:cNvSpPr/>
      </xdr:nvSpPr>
      <xdr:spPr>
        <a:xfrm>
          <a:off x="13001625" y="595905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138659</xdr:rowOff>
    </xdr:from>
    <xdr:ext cx="469744" cy="259045"/>
    <xdr:sp macro="" textlink="">
      <xdr:nvSpPr>
        <xdr:cNvPr id="144" name="債務償還比率該当値テキスト">
          <a:extLst>
            <a:ext uri="{FF2B5EF4-FFF2-40B4-BE49-F238E27FC236}">
              <a16:creationId xmlns:a16="http://schemas.microsoft.com/office/drawing/2014/main" id="{435EB0B3-A277-41C8-BF3E-29F795A97F2B}"/>
            </a:ext>
          </a:extLst>
        </xdr:cNvPr>
        <xdr:cNvSpPr txBox="1"/>
      </xdr:nvSpPr>
      <xdr:spPr>
        <a:xfrm>
          <a:off x="13080365" y="5937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23458</xdr:rowOff>
    </xdr:from>
    <xdr:to>
      <xdr:col>72</xdr:col>
      <xdr:colOff>123825</xdr:colOff>
      <xdr:row>30</xdr:row>
      <xdr:rowOff>53608</xdr:rowOff>
    </xdr:to>
    <xdr:sp macro="" textlink="">
      <xdr:nvSpPr>
        <xdr:cNvPr id="145" name="楕円 144">
          <a:extLst>
            <a:ext uri="{FF2B5EF4-FFF2-40B4-BE49-F238E27FC236}">
              <a16:creationId xmlns:a16="http://schemas.microsoft.com/office/drawing/2014/main" id="{3D06CAC0-9CED-41BB-A5AE-E64B00D613DC}"/>
            </a:ext>
          </a:extLst>
        </xdr:cNvPr>
        <xdr:cNvSpPr/>
      </xdr:nvSpPr>
      <xdr:spPr>
        <a:xfrm>
          <a:off x="12359005" y="575463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2808</xdr:rowOff>
    </xdr:from>
    <xdr:to>
      <xdr:col>76</xdr:col>
      <xdr:colOff>22225</xdr:colOff>
      <xdr:row>31</xdr:row>
      <xdr:rowOff>39582</xdr:rowOff>
    </xdr:to>
    <xdr:cxnSp macro="">
      <xdr:nvCxnSpPr>
        <xdr:cNvPr id="146" name="直線コネクタ 145">
          <a:extLst>
            <a:ext uri="{FF2B5EF4-FFF2-40B4-BE49-F238E27FC236}">
              <a16:creationId xmlns:a16="http://schemas.microsoft.com/office/drawing/2014/main" id="{7974A914-EFAA-42F2-B0EE-39D765162912}"/>
            </a:ext>
          </a:extLst>
        </xdr:cNvPr>
        <xdr:cNvCxnSpPr/>
      </xdr:nvCxnSpPr>
      <xdr:spPr>
        <a:xfrm>
          <a:off x="12409805" y="5801628"/>
          <a:ext cx="619760" cy="204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115203</xdr:rowOff>
    </xdr:from>
    <xdr:to>
      <xdr:col>68</xdr:col>
      <xdr:colOff>123825</xdr:colOff>
      <xdr:row>32</xdr:row>
      <xdr:rowOff>45353</xdr:rowOff>
    </xdr:to>
    <xdr:sp macro="" textlink="">
      <xdr:nvSpPr>
        <xdr:cNvPr id="147" name="楕円 146">
          <a:extLst>
            <a:ext uri="{FF2B5EF4-FFF2-40B4-BE49-F238E27FC236}">
              <a16:creationId xmlns:a16="http://schemas.microsoft.com/office/drawing/2014/main" id="{9968F545-1016-437B-8B7A-68A73F6E7650}"/>
            </a:ext>
          </a:extLst>
        </xdr:cNvPr>
        <xdr:cNvSpPr/>
      </xdr:nvSpPr>
      <xdr:spPr>
        <a:xfrm>
          <a:off x="11688445" y="608166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2808</xdr:rowOff>
    </xdr:from>
    <xdr:to>
      <xdr:col>72</xdr:col>
      <xdr:colOff>73025</xdr:colOff>
      <xdr:row>31</xdr:row>
      <xdr:rowOff>166003</xdr:rowOff>
    </xdr:to>
    <xdr:cxnSp macro="">
      <xdr:nvCxnSpPr>
        <xdr:cNvPr id="148" name="直線コネクタ 147">
          <a:extLst>
            <a:ext uri="{FF2B5EF4-FFF2-40B4-BE49-F238E27FC236}">
              <a16:creationId xmlns:a16="http://schemas.microsoft.com/office/drawing/2014/main" id="{993B5880-C3C4-4F65-886E-6C066BE027A6}"/>
            </a:ext>
          </a:extLst>
        </xdr:cNvPr>
        <xdr:cNvCxnSpPr/>
      </xdr:nvCxnSpPr>
      <xdr:spPr>
        <a:xfrm flipV="1">
          <a:off x="11739245" y="5801628"/>
          <a:ext cx="670560" cy="330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141471</xdr:rowOff>
    </xdr:from>
    <xdr:to>
      <xdr:col>64</xdr:col>
      <xdr:colOff>123825</xdr:colOff>
      <xdr:row>32</xdr:row>
      <xdr:rowOff>71621</xdr:rowOff>
    </xdr:to>
    <xdr:sp macro="" textlink="">
      <xdr:nvSpPr>
        <xdr:cNvPr id="149" name="楕円 148">
          <a:extLst>
            <a:ext uri="{FF2B5EF4-FFF2-40B4-BE49-F238E27FC236}">
              <a16:creationId xmlns:a16="http://schemas.microsoft.com/office/drawing/2014/main" id="{6A033B64-2E1E-48F8-BEC1-3B0AE7DD1231}"/>
            </a:ext>
          </a:extLst>
        </xdr:cNvPr>
        <xdr:cNvSpPr/>
      </xdr:nvSpPr>
      <xdr:spPr>
        <a:xfrm>
          <a:off x="11017885" y="610793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66003</xdr:rowOff>
    </xdr:from>
    <xdr:to>
      <xdr:col>68</xdr:col>
      <xdr:colOff>73025</xdr:colOff>
      <xdr:row>32</xdr:row>
      <xdr:rowOff>20821</xdr:rowOff>
    </xdr:to>
    <xdr:cxnSp macro="">
      <xdr:nvCxnSpPr>
        <xdr:cNvPr id="150" name="直線コネクタ 149">
          <a:extLst>
            <a:ext uri="{FF2B5EF4-FFF2-40B4-BE49-F238E27FC236}">
              <a16:creationId xmlns:a16="http://schemas.microsoft.com/office/drawing/2014/main" id="{E84C7749-612B-4DC2-8FE5-66A20B4905C6}"/>
            </a:ext>
          </a:extLst>
        </xdr:cNvPr>
        <xdr:cNvCxnSpPr/>
      </xdr:nvCxnSpPr>
      <xdr:spPr>
        <a:xfrm flipV="1">
          <a:off x="11068685" y="6132463"/>
          <a:ext cx="670560" cy="22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141591</xdr:rowOff>
    </xdr:from>
    <xdr:to>
      <xdr:col>60</xdr:col>
      <xdr:colOff>123825</xdr:colOff>
      <xdr:row>32</xdr:row>
      <xdr:rowOff>71741</xdr:rowOff>
    </xdr:to>
    <xdr:sp macro="" textlink="">
      <xdr:nvSpPr>
        <xdr:cNvPr id="151" name="楕円 150">
          <a:extLst>
            <a:ext uri="{FF2B5EF4-FFF2-40B4-BE49-F238E27FC236}">
              <a16:creationId xmlns:a16="http://schemas.microsoft.com/office/drawing/2014/main" id="{1BF07457-6689-4206-AE80-97D4AAE7AF52}"/>
            </a:ext>
          </a:extLst>
        </xdr:cNvPr>
        <xdr:cNvSpPr/>
      </xdr:nvSpPr>
      <xdr:spPr>
        <a:xfrm>
          <a:off x="10347325" y="61080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20821</xdr:rowOff>
    </xdr:from>
    <xdr:to>
      <xdr:col>64</xdr:col>
      <xdr:colOff>73025</xdr:colOff>
      <xdr:row>32</xdr:row>
      <xdr:rowOff>20941</xdr:rowOff>
    </xdr:to>
    <xdr:cxnSp macro="">
      <xdr:nvCxnSpPr>
        <xdr:cNvPr id="152" name="直線コネクタ 151">
          <a:extLst>
            <a:ext uri="{FF2B5EF4-FFF2-40B4-BE49-F238E27FC236}">
              <a16:creationId xmlns:a16="http://schemas.microsoft.com/office/drawing/2014/main" id="{DBC974CD-F19B-4417-865B-49668E7143F2}"/>
            </a:ext>
          </a:extLst>
        </xdr:cNvPr>
        <xdr:cNvCxnSpPr/>
      </xdr:nvCxnSpPr>
      <xdr:spPr>
        <a:xfrm flipV="1">
          <a:off x="10398125" y="6154921"/>
          <a:ext cx="670560" cy="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25599</xdr:rowOff>
    </xdr:from>
    <xdr:ext cx="469744" cy="259045"/>
    <xdr:sp macro="" textlink="">
      <xdr:nvSpPr>
        <xdr:cNvPr id="153" name="n_1aveValue債務償還比率">
          <a:extLst>
            <a:ext uri="{FF2B5EF4-FFF2-40B4-BE49-F238E27FC236}">
              <a16:creationId xmlns:a16="http://schemas.microsoft.com/office/drawing/2014/main" id="{36BDCCBA-8E76-4B27-8EFE-B42249BCD6E3}"/>
            </a:ext>
          </a:extLst>
        </xdr:cNvPr>
        <xdr:cNvSpPr txBox="1"/>
      </xdr:nvSpPr>
      <xdr:spPr>
        <a:xfrm>
          <a:off x="12185092" y="5421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31666</xdr:rowOff>
    </xdr:from>
    <xdr:ext cx="469744" cy="259045"/>
    <xdr:sp macro="" textlink="">
      <xdr:nvSpPr>
        <xdr:cNvPr id="154" name="n_2aveValue債務償還比率">
          <a:extLst>
            <a:ext uri="{FF2B5EF4-FFF2-40B4-BE49-F238E27FC236}">
              <a16:creationId xmlns:a16="http://schemas.microsoft.com/office/drawing/2014/main" id="{8A301534-4803-4570-AA43-72FA5B7BB3F4}"/>
            </a:ext>
          </a:extLst>
        </xdr:cNvPr>
        <xdr:cNvSpPr txBox="1"/>
      </xdr:nvSpPr>
      <xdr:spPr>
        <a:xfrm>
          <a:off x="11527232" y="5595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20069</xdr:rowOff>
    </xdr:from>
    <xdr:ext cx="469744" cy="259045"/>
    <xdr:sp macro="" textlink="">
      <xdr:nvSpPr>
        <xdr:cNvPr id="155" name="n_3aveValue債務償還比率">
          <a:extLst>
            <a:ext uri="{FF2B5EF4-FFF2-40B4-BE49-F238E27FC236}">
              <a16:creationId xmlns:a16="http://schemas.microsoft.com/office/drawing/2014/main" id="{B2249D33-9983-49E5-AB1B-9AF0014D5E3E}"/>
            </a:ext>
          </a:extLst>
        </xdr:cNvPr>
        <xdr:cNvSpPr txBox="1"/>
      </xdr:nvSpPr>
      <xdr:spPr>
        <a:xfrm>
          <a:off x="10856672" y="5651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3157</xdr:rowOff>
    </xdr:from>
    <xdr:ext cx="469744" cy="259045"/>
    <xdr:sp macro="" textlink="">
      <xdr:nvSpPr>
        <xdr:cNvPr id="156" name="n_4aveValue債務償還比率">
          <a:extLst>
            <a:ext uri="{FF2B5EF4-FFF2-40B4-BE49-F238E27FC236}">
              <a16:creationId xmlns:a16="http://schemas.microsoft.com/office/drawing/2014/main" id="{9878C6FF-8C2C-4A73-8306-606A151900D0}"/>
            </a:ext>
          </a:extLst>
        </xdr:cNvPr>
        <xdr:cNvSpPr txBox="1"/>
      </xdr:nvSpPr>
      <xdr:spPr>
        <a:xfrm>
          <a:off x="10186112" y="5634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44735</xdr:rowOff>
    </xdr:from>
    <xdr:ext cx="469744" cy="259045"/>
    <xdr:sp macro="" textlink="">
      <xdr:nvSpPr>
        <xdr:cNvPr id="157" name="n_1mainValue債務償還比率">
          <a:extLst>
            <a:ext uri="{FF2B5EF4-FFF2-40B4-BE49-F238E27FC236}">
              <a16:creationId xmlns:a16="http://schemas.microsoft.com/office/drawing/2014/main" id="{BE15E4DF-B4BD-404B-8DCD-2651958C5531}"/>
            </a:ext>
          </a:extLst>
        </xdr:cNvPr>
        <xdr:cNvSpPr txBox="1"/>
      </xdr:nvSpPr>
      <xdr:spPr>
        <a:xfrm>
          <a:off x="12185092" y="5843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36480</xdr:rowOff>
    </xdr:from>
    <xdr:ext cx="469744" cy="259045"/>
    <xdr:sp macro="" textlink="">
      <xdr:nvSpPr>
        <xdr:cNvPr id="158" name="n_2mainValue債務償還比率">
          <a:extLst>
            <a:ext uri="{FF2B5EF4-FFF2-40B4-BE49-F238E27FC236}">
              <a16:creationId xmlns:a16="http://schemas.microsoft.com/office/drawing/2014/main" id="{EBC35AEE-7473-4354-A7C3-6C8CE0084DF6}"/>
            </a:ext>
          </a:extLst>
        </xdr:cNvPr>
        <xdr:cNvSpPr txBox="1"/>
      </xdr:nvSpPr>
      <xdr:spPr>
        <a:xfrm>
          <a:off x="11527232" y="6170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62748</xdr:rowOff>
    </xdr:from>
    <xdr:ext cx="469744" cy="259045"/>
    <xdr:sp macro="" textlink="">
      <xdr:nvSpPr>
        <xdr:cNvPr id="159" name="n_3mainValue債務償還比率">
          <a:extLst>
            <a:ext uri="{FF2B5EF4-FFF2-40B4-BE49-F238E27FC236}">
              <a16:creationId xmlns:a16="http://schemas.microsoft.com/office/drawing/2014/main" id="{589C2317-D86C-4642-9DFC-8D10C61D1B64}"/>
            </a:ext>
          </a:extLst>
        </xdr:cNvPr>
        <xdr:cNvSpPr txBox="1"/>
      </xdr:nvSpPr>
      <xdr:spPr>
        <a:xfrm>
          <a:off x="10856672" y="6196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62868</xdr:rowOff>
    </xdr:from>
    <xdr:ext cx="469744" cy="259045"/>
    <xdr:sp macro="" textlink="">
      <xdr:nvSpPr>
        <xdr:cNvPr id="160" name="n_4mainValue債務償還比率">
          <a:extLst>
            <a:ext uri="{FF2B5EF4-FFF2-40B4-BE49-F238E27FC236}">
              <a16:creationId xmlns:a16="http://schemas.microsoft.com/office/drawing/2014/main" id="{ECEB2DC8-22AE-47E8-82D4-790219B22320}"/>
            </a:ext>
          </a:extLst>
        </xdr:cNvPr>
        <xdr:cNvSpPr txBox="1"/>
      </xdr:nvSpPr>
      <xdr:spPr>
        <a:xfrm>
          <a:off x="10186112" y="6196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id="{5A26D908-936F-48D8-9CA0-FAE317D0B428}"/>
            </a:ext>
          </a:extLst>
        </xdr:cNvPr>
        <xdr:cNvSpPr/>
      </xdr:nvSpPr>
      <xdr:spPr>
        <a:xfrm>
          <a:off x="1127125" y="783336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id="{88CBD5C2-B90F-4429-933C-8746C95FA801}"/>
            </a:ext>
          </a:extLst>
        </xdr:cNvPr>
        <xdr:cNvSpPr/>
      </xdr:nvSpPr>
      <xdr:spPr>
        <a:xfrm>
          <a:off x="1127125" y="1155001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id="{DDA1898F-C05C-4BFA-B20F-285E7D9122E0}"/>
            </a:ext>
          </a:extLst>
        </xdr:cNvPr>
        <xdr:cNvSpPr txBox="1"/>
      </xdr:nvSpPr>
      <xdr:spPr>
        <a:xfrm>
          <a:off x="817245" y="807974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id="{D3E8A5CE-28BB-42E6-8D89-8A9F6682AC59}"/>
            </a:ext>
          </a:extLst>
        </xdr:cNvPr>
        <xdr:cNvSpPr txBox="1"/>
      </xdr:nvSpPr>
      <xdr:spPr>
        <a:xfrm>
          <a:off x="6156325" y="1068959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id="{85FABA4B-812E-46DC-B232-8C8C68DF7E50}"/>
            </a:ext>
          </a:extLst>
        </xdr:cNvPr>
        <xdr:cNvSpPr txBox="1"/>
      </xdr:nvSpPr>
      <xdr:spPr>
        <a:xfrm>
          <a:off x="817245" y="117709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id="{1E52C2FD-B6C8-4498-8417-780628FC1141}"/>
            </a:ext>
          </a:extLst>
        </xdr:cNvPr>
        <xdr:cNvSpPr txBox="1"/>
      </xdr:nvSpPr>
      <xdr:spPr>
        <a:xfrm>
          <a:off x="6156325" y="1446593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85B97741-C822-41FE-820A-E12FF7731FA4}"/>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2D0BA336-2588-4FCE-829C-6EF8A448D897}"/>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657709C3-1D8C-4918-857F-26226C06DBB3}"/>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9694A2EA-ED30-497E-A614-A43AD248C4A3}"/>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FABC508F-5781-4198-9F4B-A602FD835405}"/>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33277BC6-BD52-4F31-9B3E-D3B029C6AA0A}"/>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4F958F7F-0098-4C21-A8E7-237A9EFAEF0C}"/>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8B074B8E-D7AC-4E73-B8ED-E53E017F1C7F}"/>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6B8D2A3B-FA3F-47D7-B260-1019CCB0BA99}"/>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AD6D2352-A7BB-4F76-BE2D-0696E3951760}"/>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925
27,676
9.08
10,129,636
9,579,851
477,972
6,141,232
6,980,4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FB1BF4CF-8278-4F61-B67B-02D3A37A0A30}"/>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D1EE1650-AB9D-4A03-93B2-B7C7C46E441D}"/>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43F7BDDA-4A5C-484D-9CCC-591331AF697D}"/>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4B50E1C5-7479-4BA3-A278-D3BCFBCDFADF}"/>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BCB1C882-9F61-40B2-B004-0D7FD06A03F2}"/>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8CE24AA5-5417-43A4-90A1-8E01BF5C59C2}"/>
            </a:ext>
          </a:extLst>
        </xdr:cNvPr>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E97A4D2F-CA16-43F7-9925-67253307875A}"/>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79A4B2FA-8E21-4745-AB31-7EB93C22601F}"/>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3344828B-E509-49BE-98C6-30817509E452}"/>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5F4C609-8574-4A17-A581-B8B76046A5A1}"/>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506946EF-1867-4D1F-90B1-A93F90712BFE}"/>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ECE68403-BAC0-4CE3-BE05-337256CEA1FD}"/>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E4422DC5-09B2-46AE-8624-610E540D5D82}"/>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7DE6EF9C-9164-43E7-9289-57579D19EDB5}"/>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75C4AAAA-AF91-479E-9160-3E28FD706C06}"/>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F9EFBCCA-B044-4047-9B8C-49971195D4E0}"/>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2CCF14C8-92F9-4D24-AA0F-DFA55F6A247A}"/>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2DD51778-6337-4E60-B8BE-7F4986D792FC}"/>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A331D550-C94E-4D42-950C-35B316D6CBBC}"/>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30EA1BEB-C997-4503-BC5A-19E21AFF6884}"/>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88B7EEAD-2BCF-4E6B-934B-EEFB40EEB22D}"/>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488C1D8D-4F7D-4533-A3A8-19ECC5A17C26}"/>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C3C0CAF0-ABDE-4206-8750-A0A80B1EB453}"/>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67B2ED30-D068-4EB0-8EBF-6DF98AADEB5E}"/>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CE3E3AE2-CE75-4B08-AEEC-15E10AB8707D}"/>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CFCC3573-9BA5-4E57-BA98-150FEAF8FD47}"/>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1F08341C-CD00-4E4F-9F72-BA7B73B9A15F}"/>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3FFAEA3D-3532-4DA0-97B8-225537043619}"/>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ECA736B1-ABF6-460C-A42B-AE64C1BCD1A8}"/>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EE5F8528-F419-4287-9A95-2E4BA46773E0}"/>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4C0BDA2A-10D1-4D5F-8B2C-78D94E9F6490}"/>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698786D2-878B-4BD4-93BF-5DBDCF835B07}"/>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91FE6CB3-04BB-464C-8F8E-9EC2A73CBA17}"/>
            </a:ext>
          </a:extLst>
        </xdr:cNvPr>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997D1433-AF46-4DA8-BBFD-D17419D8743D}"/>
            </a:ext>
          </a:extLst>
        </xdr:cNvPr>
        <xdr:cNvSpPr txBox="1"/>
      </xdr:nvSpPr>
      <xdr:spPr>
        <a:xfrm>
          <a:off x="27196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E5479E3A-97F5-464F-80BF-B16100608A67}"/>
            </a:ext>
          </a:extLst>
        </xdr:cNvPr>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E1D4FE86-293A-41FE-819D-B81D6294F936}"/>
            </a:ext>
          </a:extLst>
        </xdr:cNvPr>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17F66535-B0CE-4A44-B4AE-0C8A52E6423D}"/>
            </a:ext>
          </a:extLst>
        </xdr:cNvPr>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6187C6E0-D828-4E53-B423-B5EF1CBE61B0}"/>
            </a:ext>
          </a:extLst>
        </xdr:cNvPr>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7D1AAA6E-9C3F-46C0-9FF1-F1C917E75F43}"/>
            </a:ext>
          </a:extLst>
        </xdr:cNvPr>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5F8B0F00-0068-450C-9BC4-437052CEAE51}"/>
            </a:ext>
          </a:extLst>
        </xdr:cNvPr>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EC33C067-A34C-4FB3-B2A5-6DEB4A141EED}"/>
            </a:ext>
          </a:extLst>
        </xdr:cNvPr>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F6F6389D-2675-4AA7-BF64-84F1D17BEB67}"/>
            </a:ext>
          </a:extLst>
        </xdr:cNvPr>
        <xdr:cNvSpPr txBox="1"/>
      </xdr:nvSpPr>
      <xdr:spPr>
        <a:xfrm>
          <a:off x="33608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0F96255A-EFA8-49A0-B656-FAAE460B73F0}"/>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7F3B2EEE-FF0B-4817-8246-9E19E4333807}"/>
            </a:ext>
          </a:extLst>
        </xdr:cNvPr>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3C71AD3A-1F25-4716-A64A-AD71E22785D2}"/>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44780</xdr:rowOff>
    </xdr:from>
    <xdr:to>
      <xdr:col>24</xdr:col>
      <xdr:colOff>62865</xdr:colOff>
      <xdr:row>42</xdr:row>
      <xdr:rowOff>36195</xdr:rowOff>
    </xdr:to>
    <xdr:cxnSp macro="">
      <xdr:nvCxnSpPr>
        <xdr:cNvPr id="57" name="直線コネクタ 56">
          <a:extLst>
            <a:ext uri="{FF2B5EF4-FFF2-40B4-BE49-F238E27FC236}">
              <a16:creationId xmlns:a16="http://schemas.microsoft.com/office/drawing/2014/main" id="{7812E53F-2355-426A-ACF7-386CA3FEA602}"/>
            </a:ext>
          </a:extLst>
        </xdr:cNvPr>
        <xdr:cNvCxnSpPr/>
      </xdr:nvCxnSpPr>
      <xdr:spPr>
        <a:xfrm flipV="1">
          <a:off x="4086225" y="5844540"/>
          <a:ext cx="0" cy="1232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0022</xdr:rowOff>
    </xdr:from>
    <xdr:ext cx="405111" cy="259045"/>
    <xdr:sp macro="" textlink="">
      <xdr:nvSpPr>
        <xdr:cNvPr id="58" name="【道路】&#10;有形固定資産減価償却率最小値テキスト">
          <a:extLst>
            <a:ext uri="{FF2B5EF4-FFF2-40B4-BE49-F238E27FC236}">
              <a16:creationId xmlns:a16="http://schemas.microsoft.com/office/drawing/2014/main" id="{427E72C0-9765-4BD2-BB2A-786EB95712D4}"/>
            </a:ext>
          </a:extLst>
        </xdr:cNvPr>
        <xdr:cNvSpPr txBox="1"/>
      </xdr:nvSpPr>
      <xdr:spPr>
        <a:xfrm>
          <a:off x="4124960" y="708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6195</xdr:rowOff>
    </xdr:from>
    <xdr:to>
      <xdr:col>24</xdr:col>
      <xdr:colOff>152400</xdr:colOff>
      <xdr:row>42</xdr:row>
      <xdr:rowOff>36195</xdr:rowOff>
    </xdr:to>
    <xdr:cxnSp macro="">
      <xdr:nvCxnSpPr>
        <xdr:cNvPr id="59" name="直線コネクタ 58">
          <a:extLst>
            <a:ext uri="{FF2B5EF4-FFF2-40B4-BE49-F238E27FC236}">
              <a16:creationId xmlns:a16="http://schemas.microsoft.com/office/drawing/2014/main" id="{54BCC290-9142-4486-96D6-31655B5505A4}"/>
            </a:ext>
          </a:extLst>
        </xdr:cNvPr>
        <xdr:cNvCxnSpPr/>
      </xdr:nvCxnSpPr>
      <xdr:spPr>
        <a:xfrm>
          <a:off x="4020820" y="707707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1457</xdr:rowOff>
    </xdr:from>
    <xdr:ext cx="405111" cy="259045"/>
    <xdr:sp macro="" textlink="">
      <xdr:nvSpPr>
        <xdr:cNvPr id="60" name="【道路】&#10;有形固定資産減価償却率最大値テキスト">
          <a:extLst>
            <a:ext uri="{FF2B5EF4-FFF2-40B4-BE49-F238E27FC236}">
              <a16:creationId xmlns:a16="http://schemas.microsoft.com/office/drawing/2014/main" id="{FFDA8910-C782-414B-8E0F-366645AD0E4D}"/>
            </a:ext>
          </a:extLst>
        </xdr:cNvPr>
        <xdr:cNvSpPr txBox="1"/>
      </xdr:nvSpPr>
      <xdr:spPr>
        <a:xfrm>
          <a:off x="4124960" y="5623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44780</xdr:rowOff>
    </xdr:from>
    <xdr:to>
      <xdr:col>24</xdr:col>
      <xdr:colOff>152400</xdr:colOff>
      <xdr:row>34</xdr:row>
      <xdr:rowOff>144780</xdr:rowOff>
    </xdr:to>
    <xdr:cxnSp macro="">
      <xdr:nvCxnSpPr>
        <xdr:cNvPr id="61" name="直線コネクタ 60">
          <a:extLst>
            <a:ext uri="{FF2B5EF4-FFF2-40B4-BE49-F238E27FC236}">
              <a16:creationId xmlns:a16="http://schemas.microsoft.com/office/drawing/2014/main" id="{2091130C-23BB-43E6-A0AF-C9B95DDEFC56}"/>
            </a:ext>
          </a:extLst>
        </xdr:cNvPr>
        <xdr:cNvCxnSpPr/>
      </xdr:nvCxnSpPr>
      <xdr:spPr>
        <a:xfrm>
          <a:off x="4020820" y="58445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4942</xdr:rowOff>
    </xdr:from>
    <xdr:ext cx="405111" cy="259045"/>
    <xdr:sp macro="" textlink="">
      <xdr:nvSpPr>
        <xdr:cNvPr id="62" name="【道路】&#10;有形固定資産減価償却率平均値テキスト">
          <a:extLst>
            <a:ext uri="{FF2B5EF4-FFF2-40B4-BE49-F238E27FC236}">
              <a16:creationId xmlns:a16="http://schemas.microsoft.com/office/drawing/2014/main" id="{992767BC-B12F-43F7-A6AC-3A7E8EAA7A3B}"/>
            </a:ext>
          </a:extLst>
        </xdr:cNvPr>
        <xdr:cNvSpPr txBox="1"/>
      </xdr:nvSpPr>
      <xdr:spPr>
        <a:xfrm>
          <a:off x="4124960" y="62376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2065</xdr:rowOff>
    </xdr:from>
    <xdr:to>
      <xdr:col>24</xdr:col>
      <xdr:colOff>114300</xdr:colOff>
      <xdr:row>38</xdr:row>
      <xdr:rowOff>113665</xdr:rowOff>
    </xdr:to>
    <xdr:sp macro="" textlink="">
      <xdr:nvSpPr>
        <xdr:cNvPr id="63" name="フローチャート: 判断 62">
          <a:extLst>
            <a:ext uri="{FF2B5EF4-FFF2-40B4-BE49-F238E27FC236}">
              <a16:creationId xmlns:a16="http://schemas.microsoft.com/office/drawing/2014/main" id="{90B0D813-EE1F-4FC3-845F-9F47E9E93AE4}"/>
            </a:ext>
          </a:extLst>
        </xdr:cNvPr>
        <xdr:cNvSpPr/>
      </xdr:nvSpPr>
      <xdr:spPr>
        <a:xfrm>
          <a:off x="403606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70180</xdr:rowOff>
    </xdr:from>
    <xdr:to>
      <xdr:col>20</xdr:col>
      <xdr:colOff>38100</xdr:colOff>
      <xdr:row>38</xdr:row>
      <xdr:rowOff>100330</xdr:rowOff>
    </xdr:to>
    <xdr:sp macro="" textlink="">
      <xdr:nvSpPr>
        <xdr:cNvPr id="64" name="フローチャート: 判断 63">
          <a:extLst>
            <a:ext uri="{FF2B5EF4-FFF2-40B4-BE49-F238E27FC236}">
              <a16:creationId xmlns:a16="http://schemas.microsoft.com/office/drawing/2014/main" id="{C40AC745-F6DE-4926-B0A9-D6E08F6C2620}"/>
            </a:ext>
          </a:extLst>
        </xdr:cNvPr>
        <xdr:cNvSpPr/>
      </xdr:nvSpPr>
      <xdr:spPr>
        <a:xfrm>
          <a:off x="3312160" y="637286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445</xdr:rowOff>
    </xdr:from>
    <xdr:to>
      <xdr:col>15</xdr:col>
      <xdr:colOff>101600</xdr:colOff>
      <xdr:row>38</xdr:row>
      <xdr:rowOff>106045</xdr:rowOff>
    </xdr:to>
    <xdr:sp macro="" textlink="">
      <xdr:nvSpPr>
        <xdr:cNvPr id="65" name="フローチャート: 判断 64">
          <a:extLst>
            <a:ext uri="{FF2B5EF4-FFF2-40B4-BE49-F238E27FC236}">
              <a16:creationId xmlns:a16="http://schemas.microsoft.com/office/drawing/2014/main" id="{FFB28013-89C2-4880-8ABA-8677F0DC8060}"/>
            </a:ext>
          </a:extLst>
        </xdr:cNvPr>
        <xdr:cNvSpPr/>
      </xdr:nvSpPr>
      <xdr:spPr>
        <a:xfrm>
          <a:off x="2514600" y="6374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47320</xdr:rowOff>
    </xdr:from>
    <xdr:to>
      <xdr:col>10</xdr:col>
      <xdr:colOff>165100</xdr:colOff>
      <xdr:row>38</xdr:row>
      <xdr:rowOff>77470</xdr:rowOff>
    </xdr:to>
    <xdr:sp macro="" textlink="">
      <xdr:nvSpPr>
        <xdr:cNvPr id="66" name="フローチャート: 判断 65">
          <a:extLst>
            <a:ext uri="{FF2B5EF4-FFF2-40B4-BE49-F238E27FC236}">
              <a16:creationId xmlns:a16="http://schemas.microsoft.com/office/drawing/2014/main" id="{0B40E7FA-BA01-4E05-BDF0-CCF30567EA01}"/>
            </a:ext>
          </a:extLst>
        </xdr:cNvPr>
        <xdr:cNvSpPr/>
      </xdr:nvSpPr>
      <xdr:spPr>
        <a:xfrm>
          <a:off x="1739900" y="63500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13030</xdr:rowOff>
    </xdr:from>
    <xdr:to>
      <xdr:col>6</xdr:col>
      <xdr:colOff>38100</xdr:colOff>
      <xdr:row>38</xdr:row>
      <xdr:rowOff>43180</xdr:rowOff>
    </xdr:to>
    <xdr:sp macro="" textlink="">
      <xdr:nvSpPr>
        <xdr:cNvPr id="67" name="フローチャート: 判断 66">
          <a:extLst>
            <a:ext uri="{FF2B5EF4-FFF2-40B4-BE49-F238E27FC236}">
              <a16:creationId xmlns:a16="http://schemas.microsoft.com/office/drawing/2014/main" id="{96238536-9F04-4D60-80DC-6A1B870AA15D}"/>
            </a:ext>
          </a:extLst>
        </xdr:cNvPr>
        <xdr:cNvSpPr/>
      </xdr:nvSpPr>
      <xdr:spPr>
        <a:xfrm>
          <a:off x="965200" y="631571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FE4EA672-C6DE-4991-B23F-72C142A19463}"/>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6523516B-B46E-4622-98C2-8497B4557508}"/>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A8A5CDB9-66A2-4DBF-8BFC-5AAC6B1817F2}"/>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D20907FA-AB67-4242-AFA4-8599585C9322}"/>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5FF774A0-9FD6-44D2-B99D-358C7CE5241B}"/>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48260</xdr:rowOff>
    </xdr:from>
    <xdr:to>
      <xdr:col>24</xdr:col>
      <xdr:colOff>114300</xdr:colOff>
      <xdr:row>39</xdr:row>
      <xdr:rowOff>149860</xdr:rowOff>
    </xdr:to>
    <xdr:sp macro="" textlink="">
      <xdr:nvSpPr>
        <xdr:cNvPr id="73" name="楕円 72">
          <a:extLst>
            <a:ext uri="{FF2B5EF4-FFF2-40B4-BE49-F238E27FC236}">
              <a16:creationId xmlns:a16="http://schemas.microsoft.com/office/drawing/2014/main" id="{297AB7F8-6A7F-4DB9-8189-5193A2E29CC1}"/>
            </a:ext>
          </a:extLst>
        </xdr:cNvPr>
        <xdr:cNvSpPr/>
      </xdr:nvSpPr>
      <xdr:spPr>
        <a:xfrm>
          <a:off x="4036060" y="658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26687</xdr:rowOff>
    </xdr:from>
    <xdr:ext cx="405111" cy="259045"/>
    <xdr:sp macro="" textlink="">
      <xdr:nvSpPr>
        <xdr:cNvPr id="74" name="【道路】&#10;有形固定資産減価償却率該当値テキスト">
          <a:extLst>
            <a:ext uri="{FF2B5EF4-FFF2-40B4-BE49-F238E27FC236}">
              <a16:creationId xmlns:a16="http://schemas.microsoft.com/office/drawing/2014/main" id="{FD61112F-6B9D-49B0-81E0-A039D8CCB46C}"/>
            </a:ext>
          </a:extLst>
        </xdr:cNvPr>
        <xdr:cNvSpPr txBox="1"/>
      </xdr:nvSpPr>
      <xdr:spPr>
        <a:xfrm>
          <a:off x="4124960" y="656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23495</xdr:rowOff>
    </xdr:from>
    <xdr:to>
      <xdr:col>20</xdr:col>
      <xdr:colOff>38100</xdr:colOff>
      <xdr:row>39</xdr:row>
      <xdr:rowOff>125095</xdr:rowOff>
    </xdr:to>
    <xdr:sp macro="" textlink="">
      <xdr:nvSpPr>
        <xdr:cNvPr id="75" name="楕円 74">
          <a:extLst>
            <a:ext uri="{FF2B5EF4-FFF2-40B4-BE49-F238E27FC236}">
              <a16:creationId xmlns:a16="http://schemas.microsoft.com/office/drawing/2014/main" id="{95487105-97D8-4F3A-A725-CE761D491126}"/>
            </a:ext>
          </a:extLst>
        </xdr:cNvPr>
        <xdr:cNvSpPr/>
      </xdr:nvSpPr>
      <xdr:spPr>
        <a:xfrm>
          <a:off x="3312160" y="656145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74295</xdr:rowOff>
    </xdr:from>
    <xdr:to>
      <xdr:col>24</xdr:col>
      <xdr:colOff>63500</xdr:colOff>
      <xdr:row>39</xdr:row>
      <xdr:rowOff>99060</xdr:rowOff>
    </xdr:to>
    <xdr:cxnSp macro="">
      <xdr:nvCxnSpPr>
        <xdr:cNvPr id="76" name="直線コネクタ 75">
          <a:extLst>
            <a:ext uri="{FF2B5EF4-FFF2-40B4-BE49-F238E27FC236}">
              <a16:creationId xmlns:a16="http://schemas.microsoft.com/office/drawing/2014/main" id="{C7C9987C-4E39-4BEA-9E53-7251F7CDC24C}"/>
            </a:ext>
          </a:extLst>
        </xdr:cNvPr>
        <xdr:cNvCxnSpPr/>
      </xdr:nvCxnSpPr>
      <xdr:spPr>
        <a:xfrm>
          <a:off x="3355340" y="6612255"/>
          <a:ext cx="73152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73025</xdr:rowOff>
    </xdr:from>
    <xdr:to>
      <xdr:col>15</xdr:col>
      <xdr:colOff>101600</xdr:colOff>
      <xdr:row>41</xdr:row>
      <xdr:rowOff>3175</xdr:rowOff>
    </xdr:to>
    <xdr:sp macro="" textlink="">
      <xdr:nvSpPr>
        <xdr:cNvPr id="77" name="楕円 76">
          <a:extLst>
            <a:ext uri="{FF2B5EF4-FFF2-40B4-BE49-F238E27FC236}">
              <a16:creationId xmlns:a16="http://schemas.microsoft.com/office/drawing/2014/main" id="{D7852510-2A55-4B1E-A7C2-9B107649A1A5}"/>
            </a:ext>
          </a:extLst>
        </xdr:cNvPr>
        <xdr:cNvSpPr/>
      </xdr:nvSpPr>
      <xdr:spPr>
        <a:xfrm>
          <a:off x="2514600" y="67786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74295</xdr:rowOff>
    </xdr:from>
    <xdr:to>
      <xdr:col>19</xdr:col>
      <xdr:colOff>177800</xdr:colOff>
      <xdr:row>40</xdr:row>
      <xdr:rowOff>123825</xdr:rowOff>
    </xdr:to>
    <xdr:cxnSp macro="">
      <xdr:nvCxnSpPr>
        <xdr:cNvPr id="78" name="直線コネクタ 77">
          <a:extLst>
            <a:ext uri="{FF2B5EF4-FFF2-40B4-BE49-F238E27FC236}">
              <a16:creationId xmlns:a16="http://schemas.microsoft.com/office/drawing/2014/main" id="{C5A054BB-D78E-4E9D-AE54-245418B8C6EB}"/>
            </a:ext>
          </a:extLst>
        </xdr:cNvPr>
        <xdr:cNvCxnSpPr/>
      </xdr:nvCxnSpPr>
      <xdr:spPr>
        <a:xfrm flipV="1">
          <a:off x="2565400" y="6612255"/>
          <a:ext cx="789940" cy="217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61595</xdr:rowOff>
    </xdr:from>
    <xdr:to>
      <xdr:col>10</xdr:col>
      <xdr:colOff>165100</xdr:colOff>
      <xdr:row>40</xdr:row>
      <xdr:rowOff>163195</xdr:rowOff>
    </xdr:to>
    <xdr:sp macro="" textlink="">
      <xdr:nvSpPr>
        <xdr:cNvPr id="79" name="楕円 78">
          <a:extLst>
            <a:ext uri="{FF2B5EF4-FFF2-40B4-BE49-F238E27FC236}">
              <a16:creationId xmlns:a16="http://schemas.microsoft.com/office/drawing/2014/main" id="{5128516A-D06B-421A-B2B7-A9B7365AD9DD}"/>
            </a:ext>
          </a:extLst>
        </xdr:cNvPr>
        <xdr:cNvSpPr/>
      </xdr:nvSpPr>
      <xdr:spPr>
        <a:xfrm>
          <a:off x="1739900" y="6767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112395</xdr:rowOff>
    </xdr:from>
    <xdr:to>
      <xdr:col>15</xdr:col>
      <xdr:colOff>50800</xdr:colOff>
      <xdr:row>40</xdr:row>
      <xdr:rowOff>123825</xdr:rowOff>
    </xdr:to>
    <xdr:cxnSp macro="">
      <xdr:nvCxnSpPr>
        <xdr:cNvPr id="80" name="直線コネクタ 79">
          <a:extLst>
            <a:ext uri="{FF2B5EF4-FFF2-40B4-BE49-F238E27FC236}">
              <a16:creationId xmlns:a16="http://schemas.microsoft.com/office/drawing/2014/main" id="{ED08B89B-A866-45BF-81E9-1FDCD4503B23}"/>
            </a:ext>
          </a:extLst>
        </xdr:cNvPr>
        <xdr:cNvCxnSpPr/>
      </xdr:nvCxnSpPr>
      <xdr:spPr>
        <a:xfrm>
          <a:off x="1790700" y="6817995"/>
          <a:ext cx="7747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46355</xdr:rowOff>
    </xdr:from>
    <xdr:to>
      <xdr:col>6</xdr:col>
      <xdr:colOff>38100</xdr:colOff>
      <xdr:row>40</xdr:row>
      <xdr:rowOff>147955</xdr:rowOff>
    </xdr:to>
    <xdr:sp macro="" textlink="">
      <xdr:nvSpPr>
        <xdr:cNvPr id="81" name="楕円 80">
          <a:extLst>
            <a:ext uri="{FF2B5EF4-FFF2-40B4-BE49-F238E27FC236}">
              <a16:creationId xmlns:a16="http://schemas.microsoft.com/office/drawing/2014/main" id="{FE0D2BA5-7B75-4C44-A3C3-296AA08C720D}"/>
            </a:ext>
          </a:extLst>
        </xdr:cNvPr>
        <xdr:cNvSpPr/>
      </xdr:nvSpPr>
      <xdr:spPr>
        <a:xfrm>
          <a:off x="965200" y="675195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97155</xdr:rowOff>
    </xdr:from>
    <xdr:to>
      <xdr:col>10</xdr:col>
      <xdr:colOff>114300</xdr:colOff>
      <xdr:row>40</xdr:row>
      <xdr:rowOff>112395</xdr:rowOff>
    </xdr:to>
    <xdr:cxnSp macro="">
      <xdr:nvCxnSpPr>
        <xdr:cNvPr id="82" name="直線コネクタ 81">
          <a:extLst>
            <a:ext uri="{FF2B5EF4-FFF2-40B4-BE49-F238E27FC236}">
              <a16:creationId xmlns:a16="http://schemas.microsoft.com/office/drawing/2014/main" id="{6F0B8818-F7FE-4E7D-885A-3DEAB8E426BF}"/>
            </a:ext>
          </a:extLst>
        </xdr:cNvPr>
        <xdr:cNvCxnSpPr/>
      </xdr:nvCxnSpPr>
      <xdr:spPr>
        <a:xfrm>
          <a:off x="1008380" y="6802755"/>
          <a:ext cx="78232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16857</xdr:rowOff>
    </xdr:from>
    <xdr:ext cx="405111" cy="259045"/>
    <xdr:sp macro="" textlink="">
      <xdr:nvSpPr>
        <xdr:cNvPr id="83" name="n_1aveValue【道路】&#10;有形固定資産減価償却率">
          <a:extLst>
            <a:ext uri="{FF2B5EF4-FFF2-40B4-BE49-F238E27FC236}">
              <a16:creationId xmlns:a16="http://schemas.microsoft.com/office/drawing/2014/main" id="{B7D44160-6D19-41BB-9A63-90D5F0A9A879}"/>
            </a:ext>
          </a:extLst>
        </xdr:cNvPr>
        <xdr:cNvSpPr txBox="1"/>
      </xdr:nvSpPr>
      <xdr:spPr>
        <a:xfrm>
          <a:off x="3170564" y="615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22572</xdr:rowOff>
    </xdr:from>
    <xdr:ext cx="405111" cy="259045"/>
    <xdr:sp macro="" textlink="">
      <xdr:nvSpPr>
        <xdr:cNvPr id="84" name="n_2aveValue【道路】&#10;有形固定資産減価償却率">
          <a:extLst>
            <a:ext uri="{FF2B5EF4-FFF2-40B4-BE49-F238E27FC236}">
              <a16:creationId xmlns:a16="http://schemas.microsoft.com/office/drawing/2014/main" id="{09280166-F674-40DC-B712-B7CAA0F10336}"/>
            </a:ext>
          </a:extLst>
        </xdr:cNvPr>
        <xdr:cNvSpPr txBox="1"/>
      </xdr:nvSpPr>
      <xdr:spPr>
        <a:xfrm>
          <a:off x="2385704" y="615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93997</xdr:rowOff>
    </xdr:from>
    <xdr:ext cx="405111" cy="259045"/>
    <xdr:sp macro="" textlink="">
      <xdr:nvSpPr>
        <xdr:cNvPr id="85" name="n_3aveValue【道路】&#10;有形固定資産減価償却率">
          <a:extLst>
            <a:ext uri="{FF2B5EF4-FFF2-40B4-BE49-F238E27FC236}">
              <a16:creationId xmlns:a16="http://schemas.microsoft.com/office/drawing/2014/main" id="{9D695E7D-DFD9-41C8-8EA9-928B3DC86358}"/>
            </a:ext>
          </a:extLst>
        </xdr:cNvPr>
        <xdr:cNvSpPr txBox="1"/>
      </xdr:nvSpPr>
      <xdr:spPr>
        <a:xfrm>
          <a:off x="161100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59707</xdr:rowOff>
    </xdr:from>
    <xdr:ext cx="405111" cy="259045"/>
    <xdr:sp macro="" textlink="">
      <xdr:nvSpPr>
        <xdr:cNvPr id="86" name="n_4aveValue【道路】&#10;有形固定資産減価償却率">
          <a:extLst>
            <a:ext uri="{FF2B5EF4-FFF2-40B4-BE49-F238E27FC236}">
              <a16:creationId xmlns:a16="http://schemas.microsoft.com/office/drawing/2014/main" id="{F67CEAF2-81AD-4924-9246-A7E9D4279056}"/>
            </a:ext>
          </a:extLst>
        </xdr:cNvPr>
        <xdr:cNvSpPr txBox="1"/>
      </xdr:nvSpPr>
      <xdr:spPr>
        <a:xfrm>
          <a:off x="836304" y="609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16222</xdr:rowOff>
    </xdr:from>
    <xdr:ext cx="405111" cy="259045"/>
    <xdr:sp macro="" textlink="">
      <xdr:nvSpPr>
        <xdr:cNvPr id="87" name="n_1mainValue【道路】&#10;有形固定資産減価償却率">
          <a:extLst>
            <a:ext uri="{FF2B5EF4-FFF2-40B4-BE49-F238E27FC236}">
              <a16:creationId xmlns:a16="http://schemas.microsoft.com/office/drawing/2014/main" id="{7DFF3463-43AE-4051-9E97-68D286E34E1D}"/>
            </a:ext>
          </a:extLst>
        </xdr:cNvPr>
        <xdr:cNvSpPr txBox="1"/>
      </xdr:nvSpPr>
      <xdr:spPr>
        <a:xfrm>
          <a:off x="3170564" y="6654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165752</xdr:rowOff>
    </xdr:from>
    <xdr:ext cx="405111" cy="259045"/>
    <xdr:sp macro="" textlink="">
      <xdr:nvSpPr>
        <xdr:cNvPr id="88" name="n_2mainValue【道路】&#10;有形固定資産減価償却率">
          <a:extLst>
            <a:ext uri="{FF2B5EF4-FFF2-40B4-BE49-F238E27FC236}">
              <a16:creationId xmlns:a16="http://schemas.microsoft.com/office/drawing/2014/main" id="{B4A220F3-A97B-4A2D-85B0-402DB0CA0143}"/>
            </a:ext>
          </a:extLst>
        </xdr:cNvPr>
        <xdr:cNvSpPr txBox="1"/>
      </xdr:nvSpPr>
      <xdr:spPr>
        <a:xfrm>
          <a:off x="2385704" y="6871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154322</xdr:rowOff>
    </xdr:from>
    <xdr:ext cx="405111" cy="259045"/>
    <xdr:sp macro="" textlink="">
      <xdr:nvSpPr>
        <xdr:cNvPr id="89" name="n_3mainValue【道路】&#10;有形固定資産減価償却率">
          <a:extLst>
            <a:ext uri="{FF2B5EF4-FFF2-40B4-BE49-F238E27FC236}">
              <a16:creationId xmlns:a16="http://schemas.microsoft.com/office/drawing/2014/main" id="{588B86E4-6DA9-4CFB-B2E0-DAB58BAA4F20}"/>
            </a:ext>
          </a:extLst>
        </xdr:cNvPr>
        <xdr:cNvSpPr txBox="1"/>
      </xdr:nvSpPr>
      <xdr:spPr>
        <a:xfrm>
          <a:off x="1611004" y="6859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139082</xdr:rowOff>
    </xdr:from>
    <xdr:ext cx="405111" cy="259045"/>
    <xdr:sp macro="" textlink="">
      <xdr:nvSpPr>
        <xdr:cNvPr id="90" name="n_4mainValue【道路】&#10;有形固定資産減価償却率">
          <a:extLst>
            <a:ext uri="{FF2B5EF4-FFF2-40B4-BE49-F238E27FC236}">
              <a16:creationId xmlns:a16="http://schemas.microsoft.com/office/drawing/2014/main" id="{AE7B142C-A201-4E2E-8B7D-B6410CE07582}"/>
            </a:ext>
          </a:extLst>
        </xdr:cNvPr>
        <xdr:cNvSpPr txBox="1"/>
      </xdr:nvSpPr>
      <xdr:spPr>
        <a:xfrm>
          <a:off x="836304" y="6844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817F9404-F009-4A03-9FF7-2B09F7EC3F08}"/>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59FF5033-2497-4867-B8A9-054D43C662CA}"/>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76147AB0-6B1A-4BE5-BC0B-C826FE8A937E}"/>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2240C781-0AD7-46C5-B90D-4C219FFF97CE}"/>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30386160-89CA-40BA-8668-0943422D5248}"/>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58D4D269-32B3-4EFA-BC12-26FAC02B53CE}"/>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85D3E98C-9C2C-4DC6-B7BE-9D09EFEEEDAD}"/>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66E87032-143C-4E2B-AFCC-117EA582D079}"/>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B585422B-FF3E-479A-8397-92B234F26246}"/>
            </a:ext>
          </a:extLst>
        </xdr:cNvPr>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E7C4BB12-47C2-4BF4-ABE5-3FB334959A59}"/>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C9C7530D-956C-40DD-BC7F-0849FFFB139C}"/>
            </a:ext>
          </a:extLst>
        </xdr:cNvPr>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2C0312CE-50FA-4B61-8D9F-657CF650ECF2}"/>
            </a:ext>
          </a:extLst>
        </xdr:cNvPr>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41AC29C9-1B7F-4A59-873B-2F80F3FDBC82}"/>
            </a:ext>
          </a:extLst>
        </xdr:cNvPr>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a16="http://schemas.microsoft.com/office/drawing/2014/main" id="{E78F997E-9460-4A5C-A45A-38F92CAEE135}"/>
            </a:ext>
          </a:extLst>
        </xdr:cNvPr>
        <xdr:cNvSpPr txBox="1"/>
      </xdr:nvSpPr>
      <xdr:spPr>
        <a:xfrm>
          <a:off x="5364041" y="656718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F0261D16-D5E5-41BA-8BF5-DB89FCACDE22}"/>
            </a:ext>
          </a:extLst>
        </xdr:cNvPr>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a16="http://schemas.microsoft.com/office/drawing/2014/main" id="{5D048971-F3EE-4245-9A8E-ED41C1EC1911}"/>
            </a:ext>
          </a:extLst>
        </xdr:cNvPr>
        <xdr:cNvSpPr txBox="1"/>
      </xdr:nvSpPr>
      <xdr:spPr>
        <a:xfrm>
          <a:off x="5364041" y="619761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C12DF545-9E66-4F55-8488-A03D3077FB64}"/>
            </a:ext>
          </a:extLst>
        </xdr:cNvPr>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a16="http://schemas.microsoft.com/office/drawing/2014/main" id="{BC4DA8E2-B618-4177-8DC0-164FABAD9F20}"/>
            </a:ext>
          </a:extLst>
        </xdr:cNvPr>
        <xdr:cNvSpPr txBox="1"/>
      </xdr:nvSpPr>
      <xdr:spPr>
        <a:xfrm>
          <a:off x="5364041" y="58242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DAE8F57D-E466-4D38-A2E7-C693F4940B71}"/>
            </a:ext>
          </a:extLst>
        </xdr:cNvPr>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a:extLst>
            <a:ext uri="{FF2B5EF4-FFF2-40B4-BE49-F238E27FC236}">
              <a16:creationId xmlns:a16="http://schemas.microsoft.com/office/drawing/2014/main" id="{8738EB15-7437-41B9-BCE4-227BF7ECD219}"/>
            </a:ext>
          </a:extLst>
        </xdr:cNvPr>
        <xdr:cNvSpPr txBox="1"/>
      </xdr:nvSpPr>
      <xdr:spPr>
        <a:xfrm>
          <a:off x="5364041" y="54508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A497D98B-F16F-4537-B81D-1D6305D536DB}"/>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a:extLst>
            <a:ext uri="{FF2B5EF4-FFF2-40B4-BE49-F238E27FC236}">
              <a16:creationId xmlns:a16="http://schemas.microsoft.com/office/drawing/2014/main" id="{E8425C91-384B-4BAF-8ECC-F19FC9FC15EC}"/>
            </a:ext>
          </a:extLst>
        </xdr:cNvPr>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CEC9DC25-531E-49CB-A852-83277E16BC61}"/>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1557</xdr:rowOff>
    </xdr:from>
    <xdr:to>
      <xdr:col>54</xdr:col>
      <xdr:colOff>189865</xdr:colOff>
      <xdr:row>41</xdr:row>
      <xdr:rowOff>122339</xdr:rowOff>
    </xdr:to>
    <xdr:cxnSp macro="">
      <xdr:nvCxnSpPr>
        <xdr:cNvPr id="114" name="直線コネクタ 113">
          <a:extLst>
            <a:ext uri="{FF2B5EF4-FFF2-40B4-BE49-F238E27FC236}">
              <a16:creationId xmlns:a16="http://schemas.microsoft.com/office/drawing/2014/main" id="{188CE04B-9279-4BFC-A83B-10C3B33393D2}"/>
            </a:ext>
          </a:extLst>
        </xdr:cNvPr>
        <xdr:cNvCxnSpPr/>
      </xdr:nvCxnSpPr>
      <xdr:spPr>
        <a:xfrm flipV="1">
          <a:off x="9219565" y="5811317"/>
          <a:ext cx="0" cy="1184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26166</xdr:rowOff>
    </xdr:from>
    <xdr:ext cx="469744" cy="259045"/>
    <xdr:sp macro="" textlink="">
      <xdr:nvSpPr>
        <xdr:cNvPr id="115" name="【道路】&#10;一人当たり延長最小値テキスト">
          <a:extLst>
            <a:ext uri="{FF2B5EF4-FFF2-40B4-BE49-F238E27FC236}">
              <a16:creationId xmlns:a16="http://schemas.microsoft.com/office/drawing/2014/main" id="{FDF1A422-A4CB-423E-B628-A5BD12006C51}"/>
            </a:ext>
          </a:extLst>
        </xdr:cNvPr>
        <xdr:cNvSpPr txBox="1"/>
      </xdr:nvSpPr>
      <xdr:spPr>
        <a:xfrm>
          <a:off x="9258300" y="6999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2339</xdr:rowOff>
    </xdr:from>
    <xdr:to>
      <xdr:col>55</xdr:col>
      <xdr:colOff>88900</xdr:colOff>
      <xdr:row>41</xdr:row>
      <xdr:rowOff>122339</xdr:rowOff>
    </xdr:to>
    <xdr:cxnSp macro="">
      <xdr:nvCxnSpPr>
        <xdr:cNvPr id="116" name="直線コネクタ 115">
          <a:extLst>
            <a:ext uri="{FF2B5EF4-FFF2-40B4-BE49-F238E27FC236}">
              <a16:creationId xmlns:a16="http://schemas.microsoft.com/office/drawing/2014/main" id="{1925DBBB-C31B-4646-B955-3A3A34EBC0F6}"/>
            </a:ext>
          </a:extLst>
        </xdr:cNvPr>
        <xdr:cNvCxnSpPr/>
      </xdr:nvCxnSpPr>
      <xdr:spPr>
        <a:xfrm>
          <a:off x="9154160" y="699557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8234</xdr:rowOff>
    </xdr:from>
    <xdr:ext cx="534377" cy="259045"/>
    <xdr:sp macro="" textlink="">
      <xdr:nvSpPr>
        <xdr:cNvPr id="117" name="【道路】&#10;一人当たり延長最大値テキスト">
          <a:extLst>
            <a:ext uri="{FF2B5EF4-FFF2-40B4-BE49-F238E27FC236}">
              <a16:creationId xmlns:a16="http://schemas.microsoft.com/office/drawing/2014/main" id="{DDB924FE-3DD6-41B4-A416-E2C138DE693F}"/>
            </a:ext>
          </a:extLst>
        </xdr:cNvPr>
        <xdr:cNvSpPr txBox="1"/>
      </xdr:nvSpPr>
      <xdr:spPr>
        <a:xfrm>
          <a:off x="9258300" y="5590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1557</xdr:rowOff>
    </xdr:from>
    <xdr:to>
      <xdr:col>55</xdr:col>
      <xdr:colOff>88900</xdr:colOff>
      <xdr:row>34</xdr:row>
      <xdr:rowOff>111557</xdr:rowOff>
    </xdr:to>
    <xdr:cxnSp macro="">
      <xdr:nvCxnSpPr>
        <xdr:cNvPr id="118" name="直線コネクタ 117">
          <a:extLst>
            <a:ext uri="{FF2B5EF4-FFF2-40B4-BE49-F238E27FC236}">
              <a16:creationId xmlns:a16="http://schemas.microsoft.com/office/drawing/2014/main" id="{CE25A042-ACAA-4AAF-80F5-F89EB82CD285}"/>
            </a:ext>
          </a:extLst>
        </xdr:cNvPr>
        <xdr:cNvCxnSpPr/>
      </xdr:nvCxnSpPr>
      <xdr:spPr>
        <a:xfrm>
          <a:off x="9154160" y="581131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6613</xdr:rowOff>
    </xdr:from>
    <xdr:ext cx="469744" cy="259045"/>
    <xdr:sp macro="" textlink="">
      <xdr:nvSpPr>
        <xdr:cNvPr id="119" name="【道路】&#10;一人当たり延長平均値テキスト">
          <a:extLst>
            <a:ext uri="{FF2B5EF4-FFF2-40B4-BE49-F238E27FC236}">
              <a16:creationId xmlns:a16="http://schemas.microsoft.com/office/drawing/2014/main" id="{8C98A97D-32FA-455E-ABA3-611A707FA8DC}"/>
            </a:ext>
          </a:extLst>
        </xdr:cNvPr>
        <xdr:cNvSpPr txBox="1"/>
      </xdr:nvSpPr>
      <xdr:spPr>
        <a:xfrm>
          <a:off x="9258300" y="65169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3736</xdr:rowOff>
    </xdr:from>
    <xdr:to>
      <xdr:col>55</xdr:col>
      <xdr:colOff>50800</xdr:colOff>
      <xdr:row>40</xdr:row>
      <xdr:rowOff>53886</xdr:rowOff>
    </xdr:to>
    <xdr:sp macro="" textlink="">
      <xdr:nvSpPr>
        <xdr:cNvPr id="120" name="フローチャート: 判断 119">
          <a:extLst>
            <a:ext uri="{FF2B5EF4-FFF2-40B4-BE49-F238E27FC236}">
              <a16:creationId xmlns:a16="http://schemas.microsoft.com/office/drawing/2014/main" id="{9C66563B-C8C2-4286-A6C3-2652AF7D7DD6}"/>
            </a:ext>
          </a:extLst>
        </xdr:cNvPr>
        <xdr:cNvSpPr/>
      </xdr:nvSpPr>
      <xdr:spPr>
        <a:xfrm>
          <a:off x="9192260" y="666169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6576</xdr:rowOff>
    </xdr:from>
    <xdr:to>
      <xdr:col>50</xdr:col>
      <xdr:colOff>165100</xdr:colOff>
      <xdr:row>40</xdr:row>
      <xdr:rowOff>66726</xdr:rowOff>
    </xdr:to>
    <xdr:sp macro="" textlink="">
      <xdr:nvSpPr>
        <xdr:cNvPr id="121" name="フローチャート: 判断 120">
          <a:extLst>
            <a:ext uri="{FF2B5EF4-FFF2-40B4-BE49-F238E27FC236}">
              <a16:creationId xmlns:a16="http://schemas.microsoft.com/office/drawing/2014/main" id="{CBC8841B-FF0D-47C5-8D95-CF2B03C581DD}"/>
            </a:ext>
          </a:extLst>
        </xdr:cNvPr>
        <xdr:cNvSpPr/>
      </xdr:nvSpPr>
      <xdr:spPr>
        <a:xfrm>
          <a:off x="8445500" y="66745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3264</xdr:rowOff>
    </xdr:from>
    <xdr:to>
      <xdr:col>46</xdr:col>
      <xdr:colOff>38100</xdr:colOff>
      <xdr:row>40</xdr:row>
      <xdr:rowOff>83414</xdr:rowOff>
    </xdr:to>
    <xdr:sp macro="" textlink="">
      <xdr:nvSpPr>
        <xdr:cNvPr id="122" name="フローチャート: 判断 121">
          <a:extLst>
            <a:ext uri="{FF2B5EF4-FFF2-40B4-BE49-F238E27FC236}">
              <a16:creationId xmlns:a16="http://schemas.microsoft.com/office/drawing/2014/main" id="{2CBC963D-97E7-4C5C-B2BD-32B672CED52F}"/>
            </a:ext>
          </a:extLst>
        </xdr:cNvPr>
        <xdr:cNvSpPr/>
      </xdr:nvSpPr>
      <xdr:spPr>
        <a:xfrm>
          <a:off x="7670800" y="669122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7605</xdr:rowOff>
    </xdr:from>
    <xdr:to>
      <xdr:col>41</xdr:col>
      <xdr:colOff>101600</xdr:colOff>
      <xdr:row>40</xdr:row>
      <xdr:rowOff>67755</xdr:rowOff>
    </xdr:to>
    <xdr:sp macro="" textlink="">
      <xdr:nvSpPr>
        <xdr:cNvPr id="123" name="フローチャート: 判断 122">
          <a:extLst>
            <a:ext uri="{FF2B5EF4-FFF2-40B4-BE49-F238E27FC236}">
              <a16:creationId xmlns:a16="http://schemas.microsoft.com/office/drawing/2014/main" id="{970F75B5-40A1-42CA-BD0A-BCD83456493B}"/>
            </a:ext>
          </a:extLst>
        </xdr:cNvPr>
        <xdr:cNvSpPr/>
      </xdr:nvSpPr>
      <xdr:spPr>
        <a:xfrm>
          <a:off x="6873240" y="66755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35699</xdr:rowOff>
    </xdr:from>
    <xdr:to>
      <xdr:col>36</xdr:col>
      <xdr:colOff>165100</xdr:colOff>
      <xdr:row>40</xdr:row>
      <xdr:rowOff>65849</xdr:rowOff>
    </xdr:to>
    <xdr:sp macro="" textlink="">
      <xdr:nvSpPr>
        <xdr:cNvPr id="124" name="フローチャート: 判断 123">
          <a:extLst>
            <a:ext uri="{FF2B5EF4-FFF2-40B4-BE49-F238E27FC236}">
              <a16:creationId xmlns:a16="http://schemas.microsoft.com/office/drawing/2014/main" id="{F4309C27-096B-4557-A89C-33529429D881}"/>
            </a:ext>
          </a:extLst>
        </xdr:cNvPr>
        <xdr:cNvSpPr/>
      </xdr:nvSpPr>
      <xdr:spPr>
        <a:xfrm>
          <a:off x="6098540" y="667365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95557280-F9FD-4871-B1EB-4BC674D288E2}"/>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982E3155-CB2A-4B81-ACD0-1598B67E06C0}"/>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EB4B2FDC-BF43-408D-A15C-B2BB5F169EEE}"/>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B02E1CA5-59A5-467A-A509-ADF339FFF490}"/>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13EAFD80-07C6-4209-BA9C-776FC9708B68}"/>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2349</xdr:rowOff>
    </xdr:from>
    <xdr:to>
      <xdr:col>55</xdr:col>
      <xdr:colOff>50800</xdr:colOff>
      <xdr:row>41</xdr:row>
      <xdr:rowOff>82499</xdr:rowOff>
    </xdr:to>
    <xdr:sp macro="" textlink="">
      <xdr:nvSpPr>
        <xdr:cNvPr id="130" name="楕円 129">
          <a:extLst>
            <a:ext uri="{FF2B5EF4-FFF2-40B4-BE49-F238E27FC236}">
              <a16:creationId xmlns:a16="http://schemas.microsoft.com/office/drawing/2014/main" id="{7BBE94D0-E03D-4B95-8BDB-C33A1911810E}"/>
            </a:ext>
          </a:extLst>
        </xdr:cNvPr>
        <xdr:cNvSpPr/>
      </xdr:nvSpPr>
      <xdr:spPr>
        <a:xfrm>
          <a:off x="9192260" y="685794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7276</xdr:rowOff>
    </xdr:from>
    <xdr:ext cx="469744" cy="259045"/>
    <xdr:sp macro="" textlink="">
      <xdr:nvSpPr>
        <xdr:cNvPr id="131" name="【道路】&#10;一人当たり延長該当値テキスト">
          <a:extLst>
            <a:ext uri="{FF2B5EF4-FFF2-40B4-BE49-F238E27FC236}">
              <a16:creationId xmlns:a16="http://schemas.microsoft.com/office/drawing/2014/main" id="{21EA0CD3-3196-4FF1-BAD4-5F9593E8D1A8}"/>
            </a:ext>
          </a:extLst>
        </xdr:cNvPr>
        <xdr:cNvSpPr txBox="1"/>
      </xdr:nvSpPr>
      <xdr:spPr>
        <a:xfrm>
          <a:off x="9258300" y="6772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4292</xdr:rowOff>
    </xdr:from>
    <xdr:to>
      <xdr:col>50</xdr:col>
      <xdr:colOff>165100</xdr:colOff>
      <xdr:row>41</xdr:row>
      <xdr:rowOff>84442</xdr:rowOff>
    </xdr:to>
    <xdr:sp macro="" textlink="">
      <xdr:nvSpPr>
        <xdr:cNvPr id="132" name="楕円 131">
          <a:extLst>
            <a:ext uri="{FF2B5EF4-FFF2-40B4-BE49-F238E27FC236}">
              <a16:creationId xmlns:a16="http://schemas.microsoft.com/office/drawing/2014/main" id="{A1FAC442-6A1A-4801-8B32-E6E81818B3E9}"/>
            </a:ext>
          </a:extLst>
        </xdr:cNvPr>
        <xdr:cNvSpPr/>
      </xdr:nvSpPr>
      <xdr:spPr>
        <a:xfrm>
          <a:off x="8445500" y="68598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1699</xdr:rowOff>
    </xdr:from>
    <xdr:to>
      <xdr:col>55</xdr:col>
      <xdr:colOff>0</xdr:colOff>
      <xdr:row>41</xdr:row>
      <xdr:rowOff>33642</xdr:rowOff>
    </xdr:to>
    <xdr:cxnSp macro="">
      <xdr:nvCxnSpPr>
        <xdr:cNvPr id="133" name="直線コネクタ 132">
          <a:extLst>
            <a:ext uri="{FF2B5EF4-FFF2-40B4-BE49-F238E27FC236}">
              <a16:creationId xmlns:a16="http://schemas.microsoft.com/office/drawing/2014/main" id="{8E4EF342-29DC-4A4D-AEF2-0E330CF37D9C}"/>
            </a:ext>
          </a:extLst>
        </xdr:cNvPr>
        <xdr:cNvCxnSpPr/>
      </xdr:nvCxnSpPr>
      <xdr:spPr>
        <a:xfrm flipV="1">
          <a:off x="8496300" y="6904939"/>
          <a:ext cx="723900" cy="1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4825</xdr:rowOff>
    </xdr:from>
    <xdr:to>
      <xdr:col>46</xdr:col>
      <xdr:colOff>38100</xdr:colOff>
      <xdr:row>41</xdr:row>
      <xdr:rowOff>84975</xdr:rowOff>
    </xdr:to>
    <xdr:sp macro="" textlink="">
      <xdr:nvSpPr>
        <xdr:cNvPr id="134" name="楕円 133">
          <a:extLst>
            <a:ext uri="{FF2B5EF4-FFF2-40B4-BE49-F238E27FC236}">
              <a16:creationId xmlns:a16="http://schemas.microsoft.com/office/drawing/2014/main" id="{519F5EAF-108A-4077-B521-123D00874EAA}"/>
            </a:ext>
          </a:extLst>
        </xdr:cNvPr>
        <xdr:cNvSpPr/>
      </xdr:nvSpPr>
      <xdr:spPr>
        <a:xfrm>
          <a:off x="7670800" y="686042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3642</xdr:rowOff>
    </xdr:from>
    <xdr:to>
      <xdr:col>50</xdr:col>
      <xdr:colOff>114300</xdr:colOff>
      <xdr:row>41</xdr:row>
      <xdr:rowOff>34175</xdr:rowOff>
    </xdr:to>
    <xdr:cxnSp macro="">
      <xdr:nvCxnSpPr>
        <xdr:cNvPr id="135" name="直線コネクタ 134">
          <a:extLst>
            <a:ext uri="{FF2B5EF4-FFF2-40B4-BE49-F238E27FC236}">
              <a16:creationId xmlns:a16="http://schemas.microsoft.com/office/drawing/2014/main" id="{0C0F563B-3A27-429D-945B-E1E27DCCFC96}"/>
            </a:ext>
          </a:extLst>
        </xdr:cNvPr>
        <xdr:cNvCxnSpPr/>
      </xdr:nvCxnSpPr>
      <xdr:spPr>
        <a:xfrm flipV="1">
          <a:off x="7713980" y="6906882"/>
          <a:ext cx="782320" cy="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56578</xdr:rowOff>
    </xdr:from>
    <xdr:to>
      <xdr:col>41</xdr:col>
      <xdr:colOff>101600</xdr:colOff>
      <xdr:row>41</xdr:row>
      <xdr:rowOff>86728</xdr:rowOff>
    </xdr:to>
    <xdr:sp macro="" textlink="">
      <xdr:nvSpPr>
        <xdr:cNvPr id="136" name="楕円 135">
          <a:extLst>
            <a:ext uri="{FF2B5EF4-FFF2-40B4-BE49-F238E27FC236}">
              <a16:creationId xmlns:a16="http://schemas.microsoft.com/office/drawing/2014/main" id="{9CB0AEBB-2670-4193-8A76-4E60F91D3E36}"/>
            </a:ext>
          </a:extLst>
        </xdr:cNvPr>
        <xdr:cNvSpPr/>
      </xdr:nvSpPr>
      <xdr:spPr>
        <a:xfrm>
          <a:off x="6873240" y="686217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4175</xdr:rowOff>
    </xdr:from>
    <xdr:to>
      <xdr:col>45</xdr:col>
      <xdr:colOff>177800</xdr:colOff>
      <xdr:row>41</xdr:row>
      <xdr:rowOff>35928</xdr:rowOff>
    </xdr:to>
    <xdr:cxnSp macro="">
      <xdr:nvCxnSpPr>
        <xdr:cNvPr id="137" name="直線コネクタ 136">
          <a:extLst>
            <a:ext uri="{FF2B5EF4-FFF2-40B4-BE49-F238E27FC236}">
              <a16:creationId xmlns:a16="http://schemas.microsoft.com/office/drawing/2014/main" id="{23EC03D3-F093-4028-85A7-7183DEE04819}"/>
            </a:ext>
          </a:extLst>
        </xdr:cNvPr>
        <xdr:cNvCxnSpPr/>
      </xdr:nvCxnSpPr>
      <xdr:spPr>
        <a:xfrm flipV="1">
          <a:off x="6924040" y="6907415"/>
          <a:ext cx="789940" cy="1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58102</xdr:rowOff>
    </xdr:from>
    <xdr:to>
      <xdr:col>36</xdr:col>
      <xdr:colOff>165100</xdr:colOff>
      <xdr:row>41</xdr:row>
      <xdr:rowOff>88252</xdr:rowOff>
    </xdr:to>
    <xdr:sp macro="" textlink="">
      <xdr:nvSpPr>
        <xdr:cNvPr id="138" name="楕円 137">
          <a:extLst>
            <a:ext uri="{FF2B5EF4-FFF2-40B4-BE49-F238E27FC236}">
              <a16:creationId xmlns:a16="http://schemas.microsoft.com/office/drawing/2014/main" id="{DC18E56B-CE60-4EDF-A8B6-2380EB94D2F3}"/>
            </a:ext>
          </a:extLst>
        </xdr:cNvPr>
        <xdr:cNvSpPr/>
      </xdr:nvSpPr>
      <xdr:spPr>
        <a:xfrm>
          <a:off x="6098540" y="686370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5928</xdr:rowOff>
    </xdr:from>
    <xdr:to>
      <xdr:col>41</xdr:col>
      <xdr:colOff>50800</xdr:colOff>
      <xdr:row>41</xdr:row>
      <xdr:rowOff>37452</xdr:rowOff>
    </xdr:to>
    <xdr:cxnSp macro="">
      <xdr:nvCxnSpPr>
        <xdr:cNvPr id="139" name="直線コネクタ 138">
          <a:extLst>
            <a:ext uri="{FF2B5EF4-FFF2-40B4-BE49-F238E27FC236}">
              <a16:creationId xmlns:a16="http://schemas.microsoft.com/office/drawing/2014/main" id="{91DC0B56-97D4-4CF9-937F-1E2CB24E2C45}"/>
            </a:ext>
          </a:extLst>
        </xdr:cNvPr>
        <xdr:cNvCxnSpPr/>
      </xdr:nvCxnSpPr>
      <xdr:spPr>
        <a:xfrm flipV="1">
          <a:off x="6149340" y="6909168"/>
          <a:ext cx="7747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3253</xdr:rowOff>
    </xdr:from>
    <xdr:ext cx="469744" cy="259045"/>
    <xdr:sp macro="" textlink="">
      <xdr:nvSpPr>
        <xdr:cNvPr id="140" name="n_1aveValue【道路】&#10;一人当たり延長">
          <a:extLst>
            <a:ext uri="{FF2B5EF4-FFF2-40B4-BE49-F238E27FC236}">
              <a16:creationId xmlns:a16="http://schemas.microsoft.com/office/drawing/2014/main" id="{B6A04F5E-C324-426B-BA14-637E35AF3440}"/>
            </a:ext>
          </a:extLst>
        </xdr:cNvPr>
        <xdr:cNvSpPr txBox="1"/>
      </xdr:nvSpPr>
      <xdr:spPr>
        <a:xfrm>
          <a:off x="8271587" y="6453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99941</xdr:rowOff>
    </xdr:from>
    <xdr:ext cx="469744" cy="259045"/>
    <xdr:sp macro="" textlink="">
      <xdr:nvSpPr>
        <xdr:cNvPr id="141" name="n_2aveValue【道路】&#10;一人当たり延長">
          <a:extLst>
            <a:ext uri="{FF2B5EF4-FFF2-40B4-BE49-F238E27FC236}">
              <a16:creationId xmlns:a16="http://schemas.microsoft.com/office/drawing/2014/main" id="{A0EA157D-27BC-41B5-9385-C74C53CDA23C}"/>
            </a:ext>
          </a:extLst>
        </xdr:cNvPr>
        <xdr:cNvSpPr txBox="1"/>
      </xdr:nvSpPr>
      <xdr:spPr>
        <a:xfrm>
          <a:off x="7509587" y="647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4282</xdr:rowOff>
    </xdr:from>
    <xdr:ext cx="469744" cy="259045"/>
    <xdr:sp macro="" textlink="">
      <xdr:nvSpPr>
        <xdr:cNvPr id="142" name="n_3aveValue【道路】&#10;一人当たり延長">
          <a:extLst>
            <a:ext uri="{FF2B5EF4-FFF2-40B4-BE49-F238E27FC236}">
              <a16:creationId xmlns:a16="http://schemas.microsoft.com/office/drawing/2014/main" id="{7904570E-E978-4014-BDAA-972AFF0AC946}"/>
            </a:ext>
          </a:extLst>
        </xdr:cNvPr>
        <xdr:cNvSpPr txBox="1"/>
      </xdr:nvSpPr>
      <xdr:spPr>
        <a:xfrm>
          <a:off x="6712027" y="6454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2376</xdr:rowOff>
    </xdr:from>
    <xdr:ext cx="469744" cy="259045"/>
    <xdr:sp macro="" textlink="">
      <xdr:nvSpPr>
        <xdr:cNvPr id="143" name="n_4aveValue【道路】&#10;一人当たり延長">
          <a:extLst>
            <a:ext uri="{FF2B5EF4-FFF2-40B4-BE49-F238E27FC236}">
              <a16:creationId xmlns:a16="http://schemas.microsoft.com/office/drawing/2014/main" id="{F9E6D3A2-EA32-4BA6-91D0-49D3C7AD707B}"/>
            </a:ext>
          </a:extLst>
        </xdr:cNvPr>
        <xdr:cNvSpPr txBox="1"/>
      </xdr:nvSpPr>
      <xdr:spPr>
        <a:xfrm>
          <a:off x="5937327" y="6452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5569</xdr:rowOff>
    </xdr:from>
    <xdr:ext cx="469744" cy="259045"/>
    <xdr:sp macro="" textlink="">
      <xdr:nvSpPr>
        <xdr:cNvPr id="144" name="n_1mainValue【道路】&#10;一人当たり延長">
          <a:extLst>
            <a:ext uri="{FF2B5EF4-FFF2-40B4-BE49-F238E27FC236}">
              <a16:creationId xmlns:a16="http://schemas.microsoft.com/office/drawing/2014/main" id="{CF7CDD9F-EC1F-40E1-BDB8-423A0FB548BB}"/>
            </a:ext>
          </a:extLst>
        </xdr:cNvPr>
        <xdr:cNvSpPr txBox="1"/>
      </xdr:nvSpPr>
      <xdr:spPr>
        <a:xfrm>
          <a:off x="8271587" y="6948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76102</xdr:rowOff>
    </xdr:from>
    <xdr:ext cx="469744" cy="259045"/>
    <xdr:sp macro="" textlink="">
      <xdr:nvSpPr>
        <xdr:cNvPr id="145" name="n_2mainValue【道路】&#10;一人当たり延長">
          <a:extLst>
            <a:ext uri="{FF2B5EF4-FFF2-40B4-BE49-F238E27FC236}">
              <a16:creationId xmlns:a16="http://schemas.microsoft.com/office/drawing/2014/main" id="{3D368549-146A-46BB-87FC-85DC05DE82A6}"/>
            </a:ext>
          </a:extLst>
        </xdr:cNvPr>
        <xdr:cNvSpPr txBox="1"/>
      </xdr:nvSpPr>
      <xdr:spPr>
        <a:xfrm>
          <a:off x="7509587" y="6949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77855</xdr:rowOff>
    </xdr:from>
    <xdr:ext cx="469744" cy="259045"/>
    <xdr:sp macro="" textlink="">
      <xdr:nvSpPr>
        <xdr:cNvPr id="146" name="n_3mainValue【道路】&#10;一人当たり延長">
          <a:extLst>
            <a:ext uri="{FF2B5EF4-FFF2-40B4-BE49-F238E27FC236}">
              <a16:creationId xmlns:a16="http://schemas.microsoft.com/office/drawing/2014/main" id="{6767020F-179E-4E54-A379-70E4ADC26C5D}"/>
            </a:ext>
          </a:extLst>
        </xdr:cNvPr>
        <xdr:cNvSpPr txBox="1"/>
      </xdr:nvSpPr>
      <xdr:spPr>
        <a:xfrm>
          <a:off x="6712027" y="6951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79379</xdr:rowOff>
    </xdr:from>
    <xdr:ext cx="469744" cy="259045"/>
    <xdr:sp macro="" textlink="">
      <xdr:nvSpPr>
        <xdr:cNvPr id="147" name="n_4mainValue【道路】&#10;一人当たり延長">
          <a:extLst>
            <a:ext uri="{FF2B5EF4-FFF2-40B4-BE49-F238E27FC236}">
              <a16:creationId xmlns:a16="http://schemas.microsoft.com/office/drawing/2014/main" id="{A4A144F6-0B83-4F18-AE55-A5B238F16828}"/>
            </a:ext>
          </a:extLst>
        </xdr:cNvPr>
        <xdr:cNvSpPr txBox="1"/>
      </xdr:nvSpPr>
      <xdr:spPr>
        <a:xfrm>
          <a:off x="5937327" y="6952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A9FEBCC1-E77A-4C73-A549-54DBB2882FCA}"/>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47FF74F5-DD36-41C9-9C39-D8AE0DF8A7D7}"/>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FE8FF1B5-AA6E-4E1B-A2DB-FAB868F1C229}"/>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579D4B2D-8FBC-4F7A-A538-0C2CE2E76621}"/>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0E423BC1-28A7-4FD7-9495-0FD5CAECC674}"/>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CBCC3692-1A22-4C25-94A3-E887CC52F133}"/>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2B3CD388-1722-4393-8E6C-3A6AB03B8051}"/>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AC5F49D8-37F4-4E5A-B2B2-A6DBADA31EFB}"/>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D598F8B4-DF6E-4923-BCA1-9B24FC4FC142}"/>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83825409-3F4F-4380-BE4B-34911EF790DB}"/>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F746F052-91ED-4B24-A650-863BD5A739B2}"/>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a:extLst>
            <a:ext uri="{FF2B5EF4-FFF2-40B4-BE49-F238E27FC236}">
              <a16:creationId xmlns:a16="http://schemas.microsoft.com/office/drawing/2014/main" id="{C241CBCB-AC82-4DDC-9B5B-E5D1F5587945}"/>
            </a:ext>
          </a:extLst>
        </xdr:cNvPr>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a:extLst>
            <a:ext uri="{FF2B5EF4-FFF2-40B4-BE49-F238E27FC236}">
              <a16:creationId xmlns:a16="http://schemas.microsoft.com/office/drawing/2014/main" id="{A6D932F1-3080-4154-A389-36C51809C055}"/>
            </a:ext>
          </a:extLst>
        </xdr:cNvPr>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a:extLst>
            <a:ext uri="{FF2B5EF4-FFF2-40B4-BE49-F238E27FC236}">
              <a16:creationId xmlns:a16="http://schemas.microsoft.com/office/drawing/2014/main" id="{87B03488-ABCB-4F71-9C56-94DD088362CC}"/>
            </a:ext>
          </a:extLst>
        </xdr:cNvPr>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a:extLst>
            <a:ext uri="{FF2B5EF4-FFF2-40B4-BE49-F238E27FC236}">
              <a16:creationId xmlns:a16="http://schemas.microsoft.com/office/drawing/2014/main" id="{AD53B3DE-89E2-47AF-AC07-9B8CDE4CA1AA}"/>
            </a:ext>
          </a:extLst>
        </xdr:cNvPr>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a:extLst>
            <a:ext uri="{FF2B5EF4-FFF2-40B4-BE49-F238E27FC236}">
              <a16:creationId xmlns:a16="http://schemas.microsoft.com/office/drawing/2014/main" id="{71D4799B-4970-4DD3-821A-2C3D3352D343}"/>
            </a:ext>
          </a:extLst>
        </xdr:cNvPr>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a:extLst>
            <a:ext uri="{FF2B5EF4-FFF2-40B4-BE49-F238E27FC236}">
              <a16:creationId xmlns:a16="http://schemas.microsoft.com/office/drawing/2014/main" id="{C2B25840-1593-4D34-AB4B-1BDF9576C15B}"/>
            </a:ext>
          </a:extLst>
        </xdr:cNvPr>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a:extLst>
            <a:ext uri="{FF2B5EF4-FFF2-40B4-BE49-F238E27FC236}">
              <a16:creationId xmlns:a16="http://schemas.microsoft.com/office/drawing/2014/main" id="{D10CA58A-281C-4928-8F85-DA7797FAA236}"/>
            </a:ext>
          </a:extLst>
        </xdr:cNvPr>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a:extLst>
            <a:ext uri="{FF2B5EF4-FFF2-40B4-BE49-F238E27FC236}">
              <a16:creationId xmlns:a16="http://schemas.microsoft.com/office/drawing/2014/main" id="{042A4528-1ECA-44C4-B650-DCABC3A423D7}"/>
            </a:ext>
          </a:extLst>
        </xdr:cNvPr>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a:extLst>
            <a:ext uri="{FF2B5EF4-FFF2-40B4-BE49-F238E27FC236}">
              <a16:creationId xmlns:a16="http://schemas.microsoft.com/office/drawing/2014/main" id="{7F3F2221-8A27-42CD-B415-84E2D139677E}"/>
            </a:ext>
          </a:extLst>
        </xdr:cNvPr>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a:extLst>
            <a:ext uri="{FF2B5EF4-FFF2-40B4-BE49-F238E27FC236}">
              <a16:creationId xmlns:a16="http://schemas.microsoft.com/office/drawing/2014/main" id="{9F07DC33-C939-4FAC-ACA8-751F0180EEF1}"/>
            </a:ext>
          </a:extLst>
        </xdr:cNvPr>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a:extLst>
            <a:ext uri="{FF2B5EF4-FFF2-40B4-BE49-F238E27FC236}">
              <a16:creationId xmlns:a16="http://schemas.microsoft.com/office/drawing/2014/main" id="{0BBC6318-1E97-4A7C-A464-F131CC81FC8E}"/>
            </a:ext>
          </a:extLst>
        </xdr:cNvPr>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a:extLst>
            <a:ext uri="{FF2B5EF4-FFF2-40B4-BE49-F238E27FC236}">
              <a16:creationId xmlns:a16="http://schemas.microsoft.com/office/drawing/2014/main" id="{8DE8B965-7981-4193-AAFC-68191AEBFAAE}"/>
            </a:ext>
          </a:extLst>
        </xdr:cNvPr>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id="{AD23F6ED-A78E-42DA-B1A2-BAF59F3D571B}"/>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id="{5DE7A8EA-141A-4302-9AD5-C0D0E19973AA}"/>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0223</xdr:rowOff>
    </xdr:from>
    <xdr:to>
      <xdr:col>24</xdr:col>
      <xdr:colOff>62865</xdr:colOff>
      <xdr:row>64</xdr:row>
      <xdr:rowOff>128996</xdr:rowOff>
    </xdr:to>
    <xdr:cxnSp macro="">
      <xdr:nvCxnSpPr>
        <xdr:cNvPr id="173" name="直線コネクタ 172">
          <a:extLst>
            <a:ext uri="{FF2B5EF4-FFF2-40B4-BE49-F238E27FC236}">
              <a16:creationId xmlns:a16="http://schemas.microsoft.com/office/drawing/2014/main" id="{55E4E5AB-71F3-4FC5-AC5D-80CD232D7A28}"/>
            </a:ext>
          </a:extLst>
        </xdr:cNvPr>
        <xdr:cNvCxnSpPr/>
      </xdr:nvCxnSpPr>
      <xdr:spPr>
        <a:xfrm flipV="1">
          <a:off x="4086225" y="9370423"/>
          <a:ext cx="0" cy="14875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2823</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id="{144C7727-6216-4BC1-83CF-AE396A6A5AB1}"/>
            </a:ext>
          </a:extLst>
        </xdr:cNvPr>
        <xdr:cNvSpPr txBox="1"/>
      </xdr:nvSpPr>
      <xdr:spPr>
        <a:xfrm>
          <a:off x="4124960" y="10861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8996</xdr:rowOff>
    </xdr:from>
    <xdr:to>
      <xdr:col>24</xdr:col>
      <xdr:colOff>152400</xdr:colOff>
      <xdr:row>64</xdr:row>
      <xdr:rowOff>128996</xdr:rowOff>
    </xdr:to>
    <xdr:cxnSp macro="">
      <xdr:nvCxnSpPr>
        <xdr:cNvPr id="175" name="直線コネクタ 174">
          <a:extLst>
            <a:ext uri="{FF2B5EF4-FFF2-40B4-BE49-F238E27FC236}">
              <a16:creationId xmlns:a16="http://schemas.microsoft.com/office/drawing/2014/main" id="{4B1B60B4-4A91-45D1-AE4A-0FD5FA4749DA}"/>
            </a:ext>
          </a:extLst>
        </xdr:cNvPr>
        <xdr:cNvCxnSpPr/>
      </xdr:nvCxnSpPr>
      <xdr:spPr>
        <a:xfrm>
          <a:off x="4020820" y="108579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6900</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id="{8A627C14-45EA-45B7-AC1B-C12CC469CB37}"/>
            </a:ext>
          </a:extLst>
        </xdr:cNvPr>
        <xdr:cNvSpPr txBox="1"/>
      </xdr:nvSpPr>
      <xdr:spPr>
        <a:xfrm>
          <a:off x="4124960" y="91494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0223</xdr:rowOff>
    </xdr:from>
    <xdr:to>
      <xdr:col>24</xdr:col>
      <xdr:colOff>152400</xdr:colOff>
      <xdr:row>55</xdr:row>
      <xdr:rowOff>150223</xdr:rowOff>
    </xdr:to>
    <xdr:cxnSp macro="">
      <xdr:nvCxnSpPr>
        <xdr:cNvPr id="177" name="直線コネクタ 176">
          <a:extLst>
            <a:ext uri="{FF2B5EF4-FFF2-40B4-BE49-F238E27FC236}">
              <a16:creationId xmlns:a16="http://schemas.microsoft.com/office/drawing/2014/main" id="{A886BF35-CB09-4E11-BECB-13D20DDC44EB}"/>
            </a:ext>
          </a:extLst>
        </xdr:cNvPr>
        <xdr:cNvCxnSpPr/>
      </xdr:nvCxnSpPr>
      <xdr:spPr>
        <a:xfrm>
          <a:off x="4020820" y="937042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66387</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id="{060D8E37-1EB8-4732-A185-75FB75ACCDD4}"/>
            </a:ext>
          </a:extLst>
        </xdr:cNvPr>
        <xdr:cNvSpPr txBox="1"/>
      </xdr:nvSpPr>
      <xdr:spPr>
        <a:xfrm>
          <a:off x="4124960" y="10057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43510</xdr:rowOff>
    </xdr:from>
    <xdr:to>
      <xdr:col>24</xdr:col>
      <xdr:colOff>114300</xdr:colOff>
      <xdr:row>61</xdr:row>
      <xdr:rowOff>73660</xdr:rowOff>
    </xdr:to>
    <xdr:sp macro="" textlink="">
      <xdr:nvSpPr>
        <xdr:cNvPr id="179" name="フローチャート: 判断 178">
          <a:extLst>
            <a:ext uri="{FF2B5EF4-FFF2-40B4-BE49-F238E27FC236}">
              <a16:creationId xmlns:a16="http://schemas.microsoft.com/office/drawing/2014/main" id="{1E062E1B-58CF-4BA2-A560-5F9C1D629E04}"/>
            </a:ext>
          </a:extLst>
        </xdr:cNvPr>
        <xdr:cNvSpPr/>
      </xdr:nvSpPr>
      <xdr:spPr>
        <a:xfrm>
          <a:off x="4036060" y="102019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38612</xdr:rowOff>
    </xdr:from>
    <xdr:to>
      <xdr:col>20</xdr:col>
      <xdr:colOff>38100</xdr:colOff>
      <xdr:row>61</xdr:row>
      <xdr:rowOff>68762</xdr:rowOff>
    </xdr:to>
    <xdr:sp macro="" textlink="">
      <xdr:nvSpPr>
        <xdr:cNvPr id="180" name="フローチャート: 判断 179">
          <a:extLst>
            <a:ext uri="{FF2B5EF4-FFF2-40B4-BE49-F238E27FC236}">
              <a16:creationId xmlns:a16="http://schemas.microsoft.com/office/drawing/2014/main" id="{8D72D005-297E-49E7-8EEF-26903B07E22D}"/>
            </a:ext>
          </a:extLst>
        </xdr:cNvPr>
        <xdr:cNvSpPr/>
      </xdr:nvSpPr>
      <xdr:spPr>
        <a:xfrm>
          <a:off x="3312160" y="1019701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33713</xdr:rowOff>
    </xdr:from>
    <xdr:to>
      <xdr:col>15</xdr:col>
      <xdr:colOff>101600</xdr:colOff>
      <xdr:row>61</xdr:row>
      <xdr:rowOff>63863</xdr:rowOff>
    </xdr:to>
    <xdr:sp macro="" textlink="">
      <xdr:nvSpPr>
        <xdr:cNvPr id="181" name="フローチャート: 判断 180">
          <a:extLst>
            <a:ext uri="{FF2B5EF4-FFF2-40B4-BE49-F238E27FC236}">
              <a16:creationId xmlns:a16="http://schemas.microsoft.com/office/drawing/2014/main" id="{656E71B5-392A-4DBF-8F33-5A3272537B9F}"/>
            </a:ext>
          </a:extLst>
        </xdr:cNvPr>
        <xdr:cNvSpPr/>
      </xdr:nvSpPr>
      <xdr:spPr>
        <a:xfrm>
          <a:off x="2514600" y="1019211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92891</xdr:rowOff>
    </xdr:from>
    <xdr:to>
      <xdr:col>10</xdr:col>
      <xdr:colOff>165100</xdr:colOff>
      <xdr:row>61</xdr:row>
      <xdr:rowOff>23041</xdr:rowOff>
    </xdr:to>
    <xdr:sp macro="" textlink="">
      <xdr:nvSpPr>
        <xdr:cNvPr id="182" name="フローチャート: 判断 181">
          <a:extLst>
            <a:ext uri="{FF2B5EF4-FFF2-40B4-BE49-F238E27FC236}">
              <a16:creationId xmlns:a16="http://schemas.microsoft.com/office/drawing/2014/main" id="{4701E5D9-731F-4C96-B814-8AD486255FED}"/>
            </a:ext>
          </a:extLst>
        </xdr:cNvPr>
        <xdr:cNvSpPr/>
      </xdr:nvSpPr>
      <xdr:spPr>
        <a:xfrm>
          <a:off x="1739900" y="101512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70031</xdr:rowOff>
    </xdr:from>
    <xdr:to>
      <xdr:col>6</xdr:col>
      <xdr:colOff>38100</xdr:colOff>
      <xdr:row>61</xdr:row>
      <xdr:rowOff>181</xdr:rowOff>
    </xdr:to>
    <xdr:sp macro="" textlink="">
      <xdr:nvSpPr>
        <xdr:cNvPr id="183" name="フローチャート: 判断 182">
          <a:extLst>
            <a:ext uri="{FF2B5EF4-FFF2-40B4-BE49-F238E27FC236}">
              <a16:creationId xmlns:a16="http://schemas.microsoft.com/office/drawing/2014/main" id="{F7F56769-8725-4983-8DDD-53A993D2812F}"/>
            </a:ext>
          </a:extLst>
        </xdr:cNvPr>
        <xdr:cNvSpPr/>
      </xdr:nvSpPr>
      <xdr:spPr>
        <a:xfrm>
          <a:off x="965200" y="1012843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6AE6E201-ABCB-40BA-983E-E8F5DFAD50A0}"/>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8D98366F-4D4A-4E63-A02A-31122ABB33A3}"/>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2AD84620-43B7-4065-BEB5-63CBD945C4AB}"/>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925152CB-A7BB-4559-A600-4303EBA1FFA9}"/>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94872D5B-EB79-4DF9-804F-751F565D2FFE}"/>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15751</xdr:rowOff>
    </xdr:from>
    <xdr:to>
      <xdr:col>24</xdr:col>
      <xdr:colOff>114300</xdr:colOff>
      <xdr:row>62</xdr:row>
      <xdr:rowOff>45901</xdr:rowOff>
    </xdr:to>
    <xdr:sp macro="" textlink="">
      <xdr:nvSpPr>
        <xdr:cNvPr id="189" name="楕円 188">
          <a:extLst>
            <a:ext uri="{FF2B5EF4-FFF2-40B4-BE49-F238E27FC236}">
              <a16:creationId xmlns:a16="http://schemas.microsoft.com/office/drawing/2014/main" id="{9CF8FF8E-6090-4D8B-BC73-DA0B34DE49CE}"/>
            </a:ext>
          </a:extLst>
        </xdr:cNvPr>
        <xdr:cNvSpPr/>
      </xdr:nvSpPr>
      <xdr:spPr>
        <a:xfrm>
          <a:off x="4036060" y="1034179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94178</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id="{F8CF2EE3-3BA3-40D9-85EE-6A268FC16E34}"/>
            </a:ext>
          </a:extLst>
        </xdr:cNvPr>
        <xdr:cNvSpPr txBox="1"/>
      </xdr:nvSpPr>
      <xdr:spPr>
        <a:xfrm>
          <a:off x="4124960" y="103202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33713</xdr:rowOff>
    </xdr:from>
    <xdr:to>
      <xdr:col>20</xdr:col>
      <xdr:colOff>38100</xdr:colOff>
      <xdr:row>62</xdr:row>
      <xdr:rowOff>63863</xdr:rowOff>
    </xdr:to>
    <xdr:sp macro="" textlink="">
      <xdr:nvSpPr>
        <xdr:cNvPr id="191" name="楕円 190">
          <a:extLst>
            <a:ext uri="{FF2B5EF4-FFF2-40B4-BE49-F238E27FC236}">
              <a16:creationId xmlns:a16="http://schemas.microsoft.com/office/drawing/2014/main" id="{E36E098E-1A1E-44C8-94B9-964E097DE9B3}"/>
            </a:ext>
          </a:extLst>
        </xdr:cNvPr>
        <xdr:cNvSpPr/>
      </xdr:nvSpPr>
      <xdr:spPr>
        <a:xfrm>
          <a:off x="3312160" y="1035975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66551</xdr:rowOff>
    </xdr:from>
    <xdr:to>
      <xdr:col>24</xdr:col>
      <xdr:colOff>63500</xdr:colOff>
      <xdr:row>62</xdr:row>
      <xdr:rowOff>13063</xdr:rowOff>
    </xdr:to>
    <xdr:cxnSp macro="">
      <xdr:nvCxnSpPr>
        <xdr:cNvPr id="192" name="直線コネクタ 191">
          <a:extLst>
            <a:ext uri="{FF2B5EF4-FFF2-40B4-BE49-F238E27FC236}">
              <a16:creationId xmlns:a16="http://schemas.microsoft.com/office/drawing/2014/main" id="{78C174A8-C099-4138-AF24-E8047BCCFF94}"/>
            </a:ext>
          </a:extLst>
        </xdr:cNvPr>
        <xdr:cNvCxnSpPr/>
      </xdr:nvCxnSpPr>
      <xdr:spPr>
        <a:xfrm flipV="1">
          <a:off x="3355340" y="10392591"/>
          <a:ext cx="731520" cy="14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07587</xdr:rowOff>
    </xdr:from>
    <xdr:to>
      <xdr:col>15</xdr:col>
      <xdr:colOff>101600</xdr:colOff>
      <xdr:row>62</xdr:row>
      <xdr:rowOff>37737</xdr:rowOff>
    </xdr:to>
    <xdr:sp macro="" textlink="">
      <xdr:nvSpPr>
        <xdr:cNvPr id="193" name="楕円 192">
          <a:extLst>
            <a:ext uri="{FF2B5EF4-FFF2-40B4-BE49-F238E27FC236}">
              <a16:creationId xmlns:a16="http://schemas.microsoft.com/office/drawing/2014/main" id="{06F49D34-90DB-47F6-8E15-0D74041ED2E1}"/>
            </a:ext>
          </a:extLst>
        </xdr:cNvPr>
        <xdr:cNvSpPr/>
      </xdr:nvSpPr>
      <xdr:spPr>
        <a:xfrm>
          <a:off x="2514600" y="1033362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58387</xdr:rowOff>
    </xdr:from>
    <xdr:to>
      <xdr:col>19</xdr:col>
      <xdr:colOff>177800</xdr:colOff>
      <xdr:row>62</xdr:row>
      <xdr:rowOff>13063</xdr:rowOff>
    </xdr:to>
    <xdr:cxnSp macro="">
      <xdr:nvCxnSpPr>
        <xdr:cNvPr id="194" name="直線コネクタ 193">
          <a:extLst>
            <a:ext uri="{FF2B5EF4-FFF2-40B4-BE49-F238E27FC236}">
              <a16:creationId xmlns:a16="http://schemas.microsoft.com/office/drawing/2014/main" id="{8362F3B2-1159-4FC0-A374-008F733471BB}"/>
            </a:ext>
          </a:extLst>
        </xdr:cNvPr>
        <xdr:cNvCxnSpPr/>
      </xdr:nvCxnSpPr>
      <xdr:spPr>
        <a:xfrm>
          <a:off x="2565400" y="10384427"/>
          <a:ext cx="789940" cy="22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79828</xdr:rowOff>
    </xdr:from>
    <xdr:to>
      <xdr:col>10</xdr:col>
      <xdr:colOff>165100</xdr:colOff>
      <xdr:row>62</xdr:row>
      <xdr:rowOff>9978</xdr:rowOff>
    </xdr:to>
    <xdr:sp macro="" textlink="">
      <xdr:nvSpPr>
        <xdr:cNvPr id="195" name="楕円 194">
          <a:extLst>
            <a:ext uri="{FF2B5EF4-FFF2-40B4-BE49-F238E27FC236}">
              <a16:creationId xmlns:a16="http://schemas.microsoft.com/office/drawing/2014/main" id="{BCFCECE2-DF8F-4D61-968D-2A2B1B42BDF8}"/>
            </a:ext>
          </a:extLst>
        </xdr:cNvPr>
        <xdr:cNvSpPr/>
      </xdr:nvSpPr>
      <xdr:spPr>
        <a:xfrm>
          <a:off x="1739900" y="1030586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30628</xdr:rowOff>
    </xdr:from>
    <xdr:to>
      <xdr:col>15</xdr:col>
      <xdr:colOff>50800</xdr:colOff>
      <xdr:row>61</xdr:row>
      <xdr:rowOff>158387</xdr:rowOff>
    </xdr:to>
    <xdr:cxnSp macro="">
      <xdr:nvCxnSpPr>
        <xdr:cNvPr id="196" name="直線コネクタ 195">
          <a:extLst>
            <a:ext uri="{FF2B5EF4-FFF2-40B4-BE49-F238E27FC236}">
              <a16:creationId xmlns:a16="http://schemas.microsoft.com/office/drawing/2014/main" id="{D0BD08D4-72C5-40AE-A743-D03ADDD5B1C0}"/>
            </a:ext>
          </a:extLst>
        </xdr:cNvPr>
        <xdr:cNvCxnSpPr/>
      </xdr:nvCxnSpPr>
      <xdr:spPr>
        <a:xfrm>
          <a:off x="1790700" y="10356668"/>
          <a:ext cx="7747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109220</xdr:rowOff>
    </xdr:from>
    <xdr:to>
      <xdr:col>6</xdr:col>
      <xdr:colOff>38100</xdr:colOff>
      <xdr:row>62</xdr:row>
      <xdr:rowOff>39370</xdr:rowOff>
    </xdr:to>
    <xdr:sp macro="" textlink="">
      <xdr:nvSpPr>
        <xdr:cNvPr id="197" name="楕円 196">
          <a:extLst>
            <a:ext uri="{FF2B5EF4-FFF2-40B4-BE49-F238E27FC236}">
              <a16:creationId xmlns:a16="http://schemas.microsoft.com/office/drawing/2014/main" id="{7F37A830-A7B7-44A1-8122-F0156F96731D}"/>
            </a:ext>
          </a:extLst>
        </xdr:cNvPr>
        <xdr:cNvSpPr/>
      </xdr:nvSpPr>
      <xdr:spPr>
        <a:xfrm>
          <a:off x="965200" y="103352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30628</xdr:rowOff>
    </xdr:from>
    <xdr:to>
      <xdr:col>10</xdr:col>
      <xdr:colOff>114300</xdr:colOff>
      <xdr:row>61</xdr:row>
      <xdr:rowOff>160020</xdr:rowOff>
    </xdr:to>
    <xdr:cxnSp macro="">
      <xdr:nvCxnSpPr>
        <xdr:cNvPr id="198" name="直線コネクタ 197">
          <a:extLst>
            <a:ext uri="{FF2B5EF4-FFF2-40B4-BE49-F238E27FC236}">
              <a16:creationId xmlns:a16="http://schemas.microsoft.com/office/drawing/2014/main" id="{39E79609-6D16-4CF2-9C10-CB75D41F1668}"/>
            </a:ext>
          </a:extLst>
        </xdr:cNvPr>
        <xdr:cNvCxnSpPr/>
      </xdr:nvCxnSpPr>
      <xdr:spPr>
        <a:xfrm flipV="1">
          <a:off x="1008380" y="10356668"/>
          <a:ext cx="78232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85289</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id="{42A1428C-4D5C-49DF-BBC4-368A0A31AAAB}"/>
            </a:ext>
          </a:extLst>
        </xdr:cNvPr>
        <xdr:cNvSpPr txBox="1"/>
      </xdr:nvSpPr>
      <xdr:spPr>
        <a:xfrm>
          <a:off x="3170564" y="9976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80390</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id="{2E369E11-947B-47F0-9954-16CD72730400}"/>
            </a:ext>
          </a:extLst>
        </xdr:cNvPr>
        <xdr:cNvSpPr txBox="1"/>
      </xdr:nvSpPr>
      <xdr:spPr>
        <a:xfrm>
          <a:off x="2385704" y="9971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9568</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id="{E71C663B-C9ED-4BC4-B63C-88FB70125750}"/>
            </a:ext>
          </a:extLst>
        </xdr:cNvPr>
        <xdr:cNvSpPr txBox="1"/>
      </xdr:nvSpPr>
      <xdr:spPr>
        <a:xfrm>
          <a:off x="1611004" y="99303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6708</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id="{D40FAF97-68F6-4532-A237-19E72C2E87BA}"/>
            </a:ext>
          </a:extLst>
        </xdr:cNvPr>
        <xdr:cNvSpPr txBox="1"/>
      </xdr:nvSpPr>
      <xdr:spPr>
        <a:xfrm>
          <a:off x="836304" y="9907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54990</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id="{BCEA6ED9-5BAF-461C-9B55-BD781219036F}"/>
            </a:ext>
          </a:extLst>
        </xdr:cNvPr>
        <xdr:cNvSpPr txBox="1"/>
      </xdr:nvSpPr>
      <xdr:spPr>
        <a:xfrm>
          <a:off x="3170564" y="10448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28864</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id="{EEC7CE91-A5CB-4CAD-AB41-6743BDF8E8AE}"/>
            </a:ext>
          </a:extLst>
        </xdr:cNvPr>
        <xdr:cNvSpPr txBox="1"/>
      </xdr:nvSpPr>
      <xdr:spPr>
        <a:xfrm>
          <a:off x="2385704" y="104225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1105</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id="{7DB33F00-96B8-4B02-A487-DE77231FCB82}"/>
            </a:ext>
          </a:extLst>
        </xdr:cNvPr>
        <xdr:cNvSpPr txBox="1"/>
      </xdr:nvSpPr>
      <xdr:spPr>
        <a:xfrm>
          <a:off x="1611004" y="10394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30497</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id="{6CEA85B1-DA42-43A5-A507-1EB881FDBD34}"/>
            </a:ext>
          </a:extLst>
        </xdr:cNvPr>
        <xdr:cNvSpPr txBox="1"/>
      </xdr:nvSpPr>
      <xdr:spPr>
        <a:xfrm>
          <a:off x="836304" y="1042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65150442-2391-4F90-B98E-7225F8DD95A9}"/>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9A89CE93-11E9-4DB9-ACD9-0D45F6CE784E}"/>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78AF3C09-8A15-442B-AA43-6C2EF1968026}"/>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6E4A6DF4-1411-4153-95BC-2E073818FBCD}"/>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F80CE91D-9B13-4523-B602-CDE7728B0D3A}"/>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3EBD2ADD-0833-4D8C-BFDF-5CF37DA70B93}"/>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A80E36EC-FDBB-456D-81CD-B6D2DBF2A227}"/>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C44C407B-93AE-4EE0-B966-3AA28FB2CE53}"/>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id="{4BA9D812-CA40-4EE0-B243-43D3841348E0}"/>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942C5D0F-A52F-4A6F-8299-494BAE42715F}"/>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id="{EE455F86-7520-4ECD-8FA8-4FBCFD10BEB4}"/>
            </a:ext>
          </a:extLst>
        </xdr:cNvPr>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a:extLst>
            <a:ext uri="{FF2B5EF4-FFF2-40B4-BE49-F238E27FC236}">
              <a16:creationId xmlns:a16="http://schemas.microsoft.com/office/drawing/2014/main" id="{EAA18713-2A83-4854-A5DA-293AB9CB79D0}"/>
            </a:ext>
          </a:extLst>
        </xdr:cNvPr>
        <xdr:cNvSpPr txBox="1"/>
      </xdr:nvSpPr>
      <xdr:spPr>
        <a:xfrm>
          <a:off x="5600834" y="106667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id="{B626AF8B-FFFE-4FBA-81FD-A98B1431E90B}"/>
            </a:ext>
          </a:extLst>
        </xdr:cNvPr>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0" name="テキスト ボックス 219">
          <a:extLst>
            <a:ext uri="{FF2B5EF4-FFF2-40B4-BE49-F238E27FC236}">
              <a16:creationId xmlns:a16="http://schemas.microsoft.com/office/drawing/2014/main" id="{07338DF4-592F-4BD4-B93C-391F1B14C4F6}"/>
            </a:ext>
          </a:extLst>
        </xdr:cNvPr>
        <xdr:cNvSpPr txBox="1"/>
      </xdr:nvSpPr>
      <xdr:spPr>
        <a:xfrm>
          <a:off x="5299921" y="1029336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id="{A0B77244-B9BC-409F-8B75-5939632C3F2D}"/>
            </a:ext>
          </a:extLst>
        </xdr:cNvPr>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2" name="テキスト ボックス 221">
          <a:extLst>
            <a:ext uri="{FF2B5EF4-FFF2-40B4-BE49-F238E27FC236}">
              <a16:creationId xmlns:a16="http://schemas.microsoft.com/office/drawing/2014/main" id="{640ED298-4589-4104-8E88-03F197D5364D}"/>
            </a:ext>
          </a:extLst>
        </xdr:cNvPr>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id="{AC0841DE-DB79-46EE-9963-2EEC2C959E91}"/>
            </a:ext>
          </a:extLst>
        </xdr:cNvPr>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4" name="テキスト ボックス 223">
          <a:extLst>
            <a:ext uri="{FF2B5EF4-FFF2-40B4-BE49-F238E27FC236}">
              <a16:creationId xmlns:a16="http://schemas.microsoft.com/office/drawing/2014/main" id="{EF0D2765-55C6-423E-B7F3-F827077B4661}"/>
            </a:ext>
          </a:extLst>
        </xdr:cNvPr>
        <xdr:cNvSpPr txBox="1"/>
      </xdr:nvSpPr>
      <xdr:spPr>
        <a:xfrm>
          <a:off x="5299921" y="95504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id="{33930CF6-5FBD-433D-9305-1FF399F5ED7B}"/>
            </a:ext>
          </a:extLst>
        </xdr:cNvPr>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a:extLst>
            <a:ext uri="{FF2B5EF4-FFF2-40B4-BE49-F238E27FC236}">
              <a16:creationId xmlns:a16="http://schemas.microsoft.com/office/drawing/2014/main" id="{33683218-CD74-4EDC-A864-6C64C2CFE5E9}"/>
            </a:ext>
          </a:extLst>
        </xdr:cNvPr>
        <xdr:cNvSpPr txBox="1"/>
      </xdr:nvSpPr>
      <xdr:spPr>
        <a:xfrm>
          <a:off x="5209768" y="917703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id="{1AEDFC60-9BB0-463E-A4E2-C910FB300B95}"/>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a16="http://schemas.microsoft.com/office/drawing/2014/main" id="{559C03CB-7B41-495D-B2E9-2CA756D2416E}"/>
            </a:ext>
          </a:extLst>
        </xdr:cNvPr>
        <xdr:cNvSpPr txBox="1"/>
      </xdr:nvSpPr>
      <xdr:spPr>
        <a:xfrm>
          <a:off x="5209768" y="880365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id="{51987915-B44D-4ABA-A416-02918BC0D07C}"/>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519</xdr:rowOff>
    </xdr:from>
    <xdr:to>
      <xdr:col>54</xdr:col>
      <xdr:colOff>189865</xdr:colOff>
      <xdr:row>64</xdr:row>
      <xdr:rowOff>74783</xdr:rowOff>
    </xdr:to>
    <xdr:cxnSp macro="">
      <xdr:nvCxnSpPr>
        <xdr:cNvPr id="230" name="直線コネクタ 229">
          <a:extLst>
            <a:ext uri="{FF2B5EF4-FFF2-40B4-BE49-F238E27FC236}">
              <a16:creationId xmlns:a16="http://schemas.microsoft.com/office/drawing/2014/main" id="{47752D9F-9020-4076-97BF-6707F736F857}"/>
            </a:ext>
          </a:extLst>
        </xdr:cNvPr>
        <xdr:cNvCxnSpPr/>
      </xdr:nvCxnSpPr>
      <xdr:spPr>
        <a:xfrm flipV="1">
          <a:off x="9219565" y="9401359"/>
          <a:ext cx="0" cy="1402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610</xdr:rowOff>
    </xdr:from>
    <xdr:ext cx="469744" cy="259045"/>
    <xdr:sp macro="" textlink="">
      <xdr:nvSpPr>
        <xdr:cNvPr id="231" name="【橋りょう・トンネル】&#10;一人当たり有形固定資産（償却資産）額最小値テキスト">
          <a:extLst>
            <a:ext uri="{FF2B5EF4-FFF2-40B4-BE49-F238E27FC236}">
              <a16:creationId xmlns:a16="http://schemas.microsoft.com/office/drawing/2014/main" id="{622A3509-BA12-4995-ACA9-5AB32A88B7FB}"/>
            </a:ext>
          </a:extLst>
        </xdr:cNvPr>
        <xdr:cNvSpPr txBox="1"/>
      </xdr:nvSpPr>
      <xdr:spPr>
        <a:xfrm>
          <a:off x="9258300" y="10807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783</xdr:rowOff>
    </xdr:from>
    <xdr:to>
      <xdr:col>55</xdr:col>
      <xdr:colOff>88900</xdr:colOff>
      <xdr:row>64</xdr:row>
      <xdr:rowOff>74783</xdr:rowOff>
    </xdr:to>
    <xdr:cxnSp macro="">
      <xdr:nvCxnSpPr>
        <xdr:cNvPr id="232" name="直線コネクタ 231">
          <a:extLst>
            <a:ext uri="{FF2B5EF4-FFF2-40B4-BE49-F238E27FC236}">
              <a16:creationId xmlns:a16="http://schemas.microsoft.com/office/drawing/2014/main" id="{99E4DB83-071A-423B-9DFB-B56F731D72EE}"/>
            </a:ext>
          </a:extLst>
        </xdr:cNvPr>
        <xdr:cNvCxnSpPr/>
      </xdr:nvCxnSpPr>
      <xdr:spPr>
        <a:xfrm>
          <a:off x="9154160" y="1080374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1646</xdr:rowOff>
    </xdr:from>
    <xdr:ext cx="690189" cy="259045"/>
    <xdr:sp macro="" textlink="">
      <xdr:nvSpPr>
        <xdr:cNvPr id="233" name="【橋りょう・トンネル】&#10;一人当たり有形固定資産（償却資産）額最大値テキスト">
          <a:extLst>
            <a:ext uri="{FF2B5EF4-FFF2-40B4-BE49-F238E27FC236}">
              <a16:creationId xmlns:a16="http://schemas.microsoft.com/office/drawing/2014/main" id="{DD0A6901-E279-492B-87FC-21032B22FAF7}"/>
            </a:ext>
          </a:extLst>
        </xdr:cNvPr>
        <xdr:cNvSpPr txBox="1"/>
      </xdr:nvSpPr>
      <xdr:spPr>
        <a:xfrm>
          <a:off x="9258300" y="918420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519</xdr:rowOff>
    </xdr:from>
    <xdr:to>
      <xdr:col>55</xdr:col>
      <xdr:colOff>88900</xdr:colOff>
      <xdr:row>56</xdr:row>
      <xdr:rowOff>13519</xdr:rowOff>
    </xdr:to>
    <xdr:cxnSp macro="">
      <xdr:nvCxnSpPr>
        <xdr:cNvPr id="234" name="直線コネクタ 233">
          <a:extLst>
            <a:ext uri="{FF2B5EF4-FFF2-40B4-BE49-F238E27FC236}">
              <a16:creationId xmlns:a16="http://schemas.microsoft.com/office/drawing/2014/main" id="{92BA1D9C-8090-4BDD-9EC4-19C544F0FC37}"/>
            </a:ext>
          </a:extLst>
        </xdr:cNvPr>
        <xdr:cNvCxnSpPr/>
      </xdr:nvCxnSpPr>
      <xdr:spPr>
        <a:xfrm>
          <a:off x="9154160" y="94013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2454</xdr:rowOff>
    </xdr:from>
    <xdr:ext cx="599010" cy="259045"/>
    <xdr:sp macro="" textlink="">
      <xdr:nvSpPr>
        <xdr:cNvPr id="235" name="【橋りょう・トンネル】&#10;一人当たり有形固定資産（償却資産）額平均値テキスト">
          <a:extLst>
            <a:ext uri="{FF2B5EF4-FFF2-40B4-BE49-F238E27FC236}">
              <a16:creationId xmlns:a16="http://schemas.microsoft.com/office/drawing/2014/main" id="{CC6A3EC3-71A4-4F9F-B2E0-C4235C5191C4}"/>
            </a:ext>
          </a:extLst>
        </xdr:cNvPr>
        <xdr:cNvSpPr txBox="1"/>
      </xdr:nvSpPr>
      <xdr:spPr>
        <a:xfrm>
          <a:off x="9258300" y="1040613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1027</xdr:rowOff>
    </xdr:from>
    <xdr:to>
      <xdr:col>55</xdr:col>
      <xdr:colOff>50800</xdr:colOff>
      <xdr:row>63</xdr:row>
      <xdr:rowOff>91177</xdr:rowOff>
    </xdr:to>
    <xdr:sp macro="" textlink="">
      <xdr:nvSpPr>
        <xdr:cNvPr id="236" name="フローチャート: 判断 235">
          <a:extLst>
            <a:ext uri="{FF2B5EF4-FFF2-40B4-BE49-F238E27FC236}">
              <a16:creationId xmlns:a16="http://schemas.microsoft.com/office/drawing/2014/main" id="{13A21E16-8BAA-48FB-ACF1-736B6B08EC09}"/>
            </a:ext>
          </a:extLst>
        </xdr:cNvPr>
        <xdr:cNvSpPr/>
      </xdr:nvSpPr>
      <xdr:spPr>
        <a:xfrm>
          <a:off x="9192260" y="1055470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65702</xdr:rowOff>
    </xdr:from>
    <xdr:to>
      <xdr:col>50</xdr:col>
      <xdr:colOff>165100</xdr:colOff>
      <xdr:row>63</xdr:row>
      <xdr:rowOff>95852</xdr:rowOff>
    </xdr:to>
    <xdr:sp macro="" textlink="">
      <xdr:nvSpPr>
        <xdr:cNvPr id="237" name="フローチャート: 判断 236">
          <a:extLst>
            <a:ext uri="{FF2B5EF4-FFF2-40B4-BE49-F238E27FC236}">
              <a16:creationId xmlns:a16="http://schemas.microsoft.com/office/drawing/2014/main" id="{0FF403BC-3803-4D12-803E-6B91671F03A1}"/>
            </a:ext>
          </a:extLst>
        </xdr:cNvPr>
        <xdr:cNvSpPr/>
      </xdr:nvSpPr>
      <xdr:spPr>
        <a:xfrm>
          <a:off x="8445500" y="1055938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60336</xdr:rowOff>
    </xdr:from>
    <xdr:to>
      <xdr:col>46</xdr:col>
      <xdr:colOff>38100</xdr:colOff>
      <xdr:row>63</xdr:row>
      <xdr:rowOff>90486</xdr:rowOff>
    </xdr:to>
    <xdr:sp macro="" textlink="">
      <xdr:nvSpPr>
        <xdr:cNvPr id="238" name="フローチャート: 判断 237">
          <a:extLst>
            <a:ext uri="{FF2B5EF4-FFF2-40B4-BE49-F238E27FC236}">
              <a16:creationId xmlns:a16="http://schemas.microsoft.com/office/drawing/2014/main" id="{35917016-B645-4EAF-95E5-6304A5316E5B}"/>
            </a:ext>
          </a:extLst>
        </xdr:cNvPr>
        <xdr:cNvSpPr/>
      </xdr:nvSpPr>
      <xdr:spPr>
        <a:xfrm>
          <a:off x="7670800" y="1055401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09991</xdr:rowOff>
    </xdr:from>
    <xdr:to>
      <xdr:col>41</xdr:col>
      <xdr:colOff>101600</xdr:colOff>
      <xdr:row>63</xdr:row>
      <xdr:rowOff>40141</xdr:rowOff>
    </xdr:to>
    <xdr:sp macro="" textlink="">
      <xdr:nvSpPr>
        <xdr:cNvPr id="239" name="フローチャート: 判断 238">
          <a:extLst>
            <a:ext uri="{FF2B5EF4-FFF2-40B4-BE49-F238E27FC236}">
              <a16:creationId xmlns:a16="http://schemas.microsoft.com/office/drawing/2014/main" id="{92B60B21-0ECD-4EB8-A50E-207F50F2D2C3}"/>
            </a:ext>
          </a:extLst>
        </xdr:cNvPr>
        <xdr:cNvSpPr/>
      </xdr:nvSpPr>
      <xdr:spPr>
        <a:xfrm>
          <a:off x="6873240" y="1050367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24426</xdr:rowOff>
    </xdr:from>
    <xdr:to>
      <xdr:col>36</xdr:col>
      <xdr:colOff>165100</xdr:colOff>
      <xdr:row>63</xdr:row>
      <xdr:rowOff>54576</xdr:rowOff>
    </xdr:to>
    <xdr:sp macro="" textlink="">
      <xdr:nvSpPr>
        <xdr:cNvPr id="240" name="フローチャート: 判断 239">
          <a:extLst>
            <a:ext uri="{FF2B5EF4-FFF2-40B4-BE49-F238E27FC236}">
              <a16:creationId xmlns:a16="http://schemas.microsoft.com/office/drawing/2014/main" id="{F25C60CD-B203-4A79-90A0-4F08681B18A0}"/>
            </a:ext>
          </a:extLst>
        </xdr:cNvPr>
        <xdr:cNvSpPr/>
      </xdr:nvSpPr>
      <xdr:spPr>
        <a:xfrm>
          <a:off x="6098540" y="105181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B50DF0C6-46B5-4281-951B-D3AA3537E606}"/>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E6B0D461-F52B-4AFA-98AE-5009E5282203}"/>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91FB9A5A-A170-45B5-9E2D-B3526ABFF18E}"/>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C0EDCCEE-A618-4A62-BDF6-83FE8DCE2F78}"/>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4FACD659-E524-4FFB-8303-3D20D3CB761B}"/>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50643</xdr:rowOff>
    </xdr:from>
    <xdr:to>
      <xdr:col>55</xdr:col>
      <xdr:colOff>50800</xdr:colOff>
      <xdr:row>63</xdr:row>
      <xdr:rowOff>152243</xdr:rowOff>
    </xdr:to>
    <xdr:sp macro="" textlink="">
      <xdr:nvSpPr>
        <xdr:cNvPr id="246" name="楕円 245">
          <a:extLst>
            <a:ext uri="{FF2B5EF4-FFF2-40B4-BE49-F238E27FC236}">
              <a16:creationId xmlns:a16="http://schemas.microsoft.com/office/drawing/2014/main" id="{959F75EF-41BA-4D50-AE3D-9A039A0F8E46}"/>
            </a:ext>
          </a:extLst>
        </xdr:cNvPr>
        <xdr:cNvSpPr/>
      </xdr:nvSpPr>
      <xdr:spPr>
        <a:xfrm>
          <a:off x="9192260" y="1061196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29070</xdr:rowOff>
    </xdr:from>
    <xdr:ext cx="599010" cy="259045"/>
    <xdr:sp macro="" textlink="">
      <xdr:nvSpPr>
        <xdr:cNvPr id="247" name="【橋りょう・トンネル】&#10;一人当たり有形固定資産（償却資産）額該当値テキスト">
          <a:extLst>
            <a:ext uri="{FF2B5EF4-FFF2-40B4-BE49-F238E27FC236}">
              <a16:creationId xmlns:a16="http://schemas.microsoft.com/office/drawing/2014/main" id="{E1CA3B1D-6371-4CEB-A044-4A20C47724AD}"/>
            </a:ext>
          </a:extLst>
        </xdr:cNvPr>
        <xdr:cNvSpPr txBox="1"/>
      </xdr:nvSpPr>
      <xdr:spPr>
        <a:xfrm>
          <a:off x="9258300" y="105903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57272</xdr:rowOff>
    </xdr:from>
    <xdr:to>
      <xdr:col>50</xdr:col>
      <xdr:colOff>165100</xdr:colOff>
      <xdr:row>63</xdr:row>
      <xdr:rowOff>158872</xdr:rowOff>
    </xdr:to>
    <xdr:sp macro="" textlink="">
      <xdr:nvSpPr>
        <xdr:cNvPr id="248" name="楕円 247">
          <a:extLst>
            <a:ext uri="{FF2B5EF4-FFF2-40B4-BE49-F238E27FC236}">
              <a16:creationId xmlns:a16="http://schemas.microsoft.com/office/drawing/2014/main" id="{A2460CC7-E002-4C37-941B-3E20EF1CF259}"/>
            </a:ext>
          </a:extLst>
        </xdr:cNvPr>
        <xdr:cNvSpPr/>
      </xdr:nvSpPr>
      <xdr:spPr>
        <a:xfrm>
          <a:off x="8445500" y="10618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01443</xdr:rowOff>
    </xdr:from>
    <xdr:to>
      <xdr:col>55</xdr:col>
      <xdr:colOff>0</xdr:colOff>
      <xdr:row>63</xdr:row>
      <xdr:rowOff>108072</xdr:rowOff>
    </xdr:to>
    <xdr:cxnSp macro="">
      <xdr:nvCxnSpPr>
        <xdr:cNvPr id="249" name="直線コネクタ 248">
          <a:extLst>
            <a:ext uri="{FF2B5EF4-FFF2-40B4-BE49-F238E27FC236}">
              <a16:creationId xmlns:a16="http://schemas.microsoft.com/office/drawing/2014/main" id="{6BA51602-B087-462A-B8C4-0654841CB4A9}"/>
            </a:ext>
          </a:extLst>
        </xdr:cNvPr>
        <xdr:cNvCxnSpPr/>
      </xdr:nvCxnSpPr>
      <xdr:spPr>
        <a:xfrm flipV="1">
          <a:off x="8496300" y="10662763"/>
          <a:ext cx="723900" cy="6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57952</xdr:rowOff>
    </xdr:from>
    <xdr:to>
      <xdr:col>46</xdr:col>
      <xdr:colOff>38100</xdr:colOff>
      <xdr:row>63</xdr:row>
      <xdr:rowOff>159552</xdr:rowOff>
    </xdr:to>
    <xdr:sp macro="" textlink="">
      <xdr:nvSpPr>
        <xdr:cNvPr id="250" name="楕円 249">
          <a:extLst>
            <a:ext uri="{FF2B5EF4-FFF2-40B4-BE49-F238E27FC236}">
              <a16:creationId xmlns:a16="http://schemas.microsoft.com/office/drawing/2014/main" id="{3AFF1611-C55D-4DED-95A8-CFCC51B931FF}"/>
            </a:ext>
          </a:extLst>
        </xdr:cNvPr>
        <xdr:cNvSpPr/>
      </xdr:nvSpPr>
      <xdr:spPr>
        <a:xfrm>
          <a:off x="7670800" y="1061927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08072</xdr:rowOff>
    </xdr:from>
    <xdr:to>
      <xdr:col>50</xdr:col>
      <xdr:colOff>114300</xdr:colOff>
      <xdr:row>63</xdr:row>
      <xdr:rowOff>108752</xdr:rowOff>
    </xdr:to>
    <xdr:cxnSp macro="">
      <xdr:nvCxnSpPr>
        <xdr:cNvPr id="251" name="直線コネクタ 250">
          <a:extLst>
            <a:ext uri="{FF2B5EF4-FFF2-40B4-BE49-F238E27FC236}">
              <a16:creationId xmlns:a16="http://schemas.microsoft.com/office/drawing/2014/main" id="{7D2B02B3-F7C4-4985-B958-A4A4CCCDA0E3}"/>
            </a:ext>
          </a:extLst>
        </xdr:cNvPr>
        <xdr:cNvCxnSpPr/>
      </xdr:nvCxnSpPr>
      <xdr:spPr>
        <a:xfrm flipV="1">
          <a:off x="7713980" y="10669392"/>
          <a:ext cx="782320" cy="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59051</xdr:rowOff>
    </xdr:from>
    <xdr:to>
      <xdr:col>41</xdr:col>
      <xdr:colOff>101600</xdr:colOff>
      <xdr:row>63</xdr:row>
      <xdr:rowOff>160651</xdr:rowOff>
    </xdr:to>
    <xdr:sp macro="" textlink="">
      <xdr:nvSpPr>
        <xdr:cNvPr id="252" name="楕円 251">
          <a:extLst>
            <a:ext uri="{FF2B5EF4-FFF2-40B4-BE49-F238E27FC236}">
              <a16:creationId xmlns:a16="http://schemas.microsoft.com/office/drawing/2014/main" id="{B1AC3122-CC09-484C-AA6C-A23BDA362DFB}"/>
            </a:ext>
          </a:extLst>
        </xdr:cNvPr>
        <xdr:cNvSpPr/>
      </xdr:nvSpPr>
      <xdr:spPr>
        <a:xfrm>
          <a:off x="6873240" y="10620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08752</xdr:rowOff>
    </xdr:from>
    <xdr:to>
      <xdr:col>45</xdr:col>
      <xdr:colOff>177800</xdr:colOff>
      <xdr:row>63</xdr:row>
      <xdr:rowOff>109851</xdr:rowOff>
    </xdr:to>
    <xdr:cxnSp macro="">
      <xdr:nvCxnSpPr>
        <xdr:cNvPr id="253" name="直線コネクタ 252">
          <a:extLst>
            <a:ext uri="{FF2B5EF4-FFF2-40B4-BE49-F238E27FC236}">
              <a16:creationId xmlns:a16="http://schemas.microsoft.com/office/drawing/2014/main" id="{B255E9F4-AC38-46DB-BE64-158041589828}"/>
            </a:ext>
          </a:extLst>
        </xdr:cNvPr>
        <xdr:cNvCxnSpPr/>
      </xdr:nvCxnSpPr>
      <xdr:spPr>
        <a:xfrm flipV="1">
          <a:off x="6924040" y="10670072"/>
          <a:ext cx="789940" cy="1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66663</xdr:rowOff>
    </xdr:from>
    <xdr:to>
      <xdr:col>36</xdr:col>
      <xdr:colOff>165100</xdr:colOff>
      <xdr:row>63</xdr:row>
      <xdr:rowOff>168263</xdr:rowOff>
    </xdr:to>
    <xdr:sp macro="" textlink="">
      <xdr:nvSpPr>
        <xdr:cNvPr id="254" name="楕円 253">
          <a:extLst>
            <a:ext uri="{FF2B5EF4-FFF2-40B4-BE49-F238E27FC236}">
              <a16:creationId xmlns:a16="http://schemas.microsoft.com/office/drawing/2014/main" id="{25F8FC10-E5EA-4FD2-881B-F0AB85E001BF}"/>
            </a:ext>
          </a:extLst>
        </xdr:cNvPr>
        <xdr:cNvSpPr/>
      </xdr:nvSpPr>
      <xdr:spPr>
        <a:xfrm>
          <a:off x="6098540" y="10627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09851</xdr:rowOff>
    </xdr:from>
    <xdr:to>
      <xdr:col>41</xdr:col>
      <xdr:colOff>50800</xdr:colOff>
      <xdr:row>63</xdr:row>
      <xdr:rowOff>117463</xdr:rowOff>
    </xdr:to>
    <xdr:cxnSp macro="">
      <xdr:nvCxnSpPr>
        <xdr:cNvPr id="255" name="直線コネクタ 254">
          <a:extLst>
            <a:ext uri="{FF2B5EF4-FFF2-40B4-BE49-F238E27FC236}">
              <a16:creationId xmlns:a16="http://schemas.microsoft.com/office/drawing/2014/main" id="{C48B8032-B65A-4B58-BD65-1EF6CF1BC0DD}"/>
            </a:ext>
          </a:extLst>
        </xdr:cNvPr>
        <xdr:cNvCxnSpPr/>
      </xdr:nvCxnSpPr>
      <xdr:spPr>
        <a:xfrm flipV="1">
          <a:off x="6149340" y="10671171"/>
          <a:ext cx="774700" cy="7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12379</xdr:rowOff>
    </xdr:from>
    <xdr:ext cx="599010" cy="259045"/>
    <xdr:sp macro="" textlink="">
      <xdr:nvSpPr>
        <xdr:cNvPr id="256" name="n_1aveValue【橋りょう・トンネル】&#10;一人当たり有形固定資産（償却資産）額">
          <a:extLst>
            <a:ext uri="{FF2B5EF4-FFF2-40B4-BE49-F238E27FC236}">
              <a16:creationId xmlns:a16="http://schemas.microsoft.com/office/drawing/2014/main" id="{B995BE6A-5F55-4018-9E9A-41685B7D7A47}"/>
            </a:ext>
          </a:extLst>
        </xdr:cNvPr>
        <xdr:cNvSpPr txBox="1"/>
      </xdr:nvSpPr>
      <xdr:spPr>
        <a:xfrm>
          <a:off x="8214575" y="10338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07013</xdr:rowOff>
    </xdr:from>
    <xdr:ext cx="599010" cy="259045"/>
    <xdr:sp macro="" textlink="">
      <xdr:nvSpPr>
        <xdr:cNvPr id="257" name="n_2aveValue【橋りょう・トンネル】&#10;一人当たり有形固定資産（償却資産）額">
          <a:extLst>
            <a:ext uri="{FF2B5EF4-FFF2-40B4-BE49-F238E27FC236}">
              <a16:creationId xmlns:a16="http://schemas.microsoft.com/office/drawing/2014/main" id="{21BA7AD7-1ABB-481F-9A07-35D9CA74ABA4}"/>
            </a:ext>
          </a:extLst>
        </xdr:cNvPr>
        <xdr:cNvSpPr txBox="1"/>
      </xdr:nvSpPr>
      <xdr:spPr>
        <a:xfrm>
          <a:off x="7444955" y="103330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56668</xdr:rowOff>
    </xdr:from>
    <xdr:ext cx="599010" cy="259045"/>
    <xdr:sp macro="" textlink="">
      <xdr:nvSpPr>
        <xdr:cNvPr id="258" name="n_3aveValue【橋りょう・トンネル】&#10;一人当たり有形固定資産（償却資産）額">
          <a:extLst>
            <a:ext uri="{FF2B5EF4-FFF2-40B4-BE49-F238E27FC236}">
              <a16:creationId xmlns:a16="http://schemas.microsoft.com/office/drawing/2014/main" id="{29AAB8DC-F035-4062-A485-4DCCC7F745E7}"/>
            </a:ext>
          </a:extLst>
        </xdr:cNvPr>
        <xdr:cNvSpPr txBox="1"/>
      </xdr:nvSpPr>
      <xdr:spPr>
        <a:xfrm>
          <a:off x="6670255" y="10282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71103</xdr:rowOff>
    </xdr:from>
    <xdr:ext cx="599010" cy="259045"/>
    <xdr:sp macro="" textlink="">
      <xdr:nvSpPr>
        <xdr:cNvPr id="259" name="n_4aveValue【橋りょう・トンネル】&#10;一人当たり有形固定資産（償却資産）額">
          <a:extLst>
            <a:ext uri="{FF2B5EF4-FFF2-40B4-BE49-F238E27FC236}">
              <a16:creationId xmlns:a16="http://schemas.microsoft.com/office/drawing/2014/main" id="{5F9CAD21-412A-4A98-A24E-4AB3C289B6D2}"/>
            </a:ext>
          </a:extLst>
        </xdr:cNvPr>
        <xdr:cNvSpPr txBox="1"/>
      </xdr:nvSpPr>
      <xdr:spPr>
        <a:xfrm>
          <a:off x="5872695" y="10297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3</xdr:row>
      <xdr:rowOff>149999</xdr:rowOff>
    </xdr:from>
    <xdr:ext cx="599010" cy="259045"/>
    <xdr:sp macro="" textlink="">
      <xdr:nvSpPr>
        <xdr:cNvPr id="260" name="n_1mainValue【橋りょう・トンネル】&#10;一人当たり有形固定資産（償却資産）額">
          <a:extLst>
            <a:ext uri="{FF2B5EF4-FFF2-40B4-BE49-F238E27FC236}">
              <a16:creationId xmlns:a16="http://schemas.microsoft.com/office/drawing/2014/main" id="{36D64E2E-BE4C-4F8C-92FF-BCE906F0366E}"/>
            </a:ext>
          </a:extLst>
        </xdr:cNvPr>
        <xdr:cNvSpPr txBox="1"/>
      </xdr:nvSpPr>
      <xdr:spPr>
        <a:xfrm>
          <a:off x="8214575" y="10711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150679</xdr:rowOff>
    </xdr:from>
    <xdr:ext cx="599010" cy="259045"/>
    <xdr:sp macro="" textlink="">
      <xdr:nvSpPr>
        <xdr:cNvPr id="261" name="n_2mainValue【橋りょう・トンネル】&#10;一人当たり有形固定資産（償却資産）額">
          <a:extLst>
            <a:ext uri="{FF2B5EF4-FFF2-40B4-BE49-F238E27FC236}">
              <a16:creationId xmlns:a16="http://schemas.microsoft.com/office/drawing/2014/main" id="{167C32A4-F24C-4113-9EFA-91C9E91B06DB}"/>
            </a:ext>
          </a:extLst>
        </xdr:cNvPr>
        <xdr:cNvSpPr txBox="1"/>
      </xdr:nvSpPr>
      <xdr:spPr>
        <a:xfrm>
          <a:off x="7444955" y="10711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151778</xdr:rowOff>
    </xdr:from>
    <xdr:ext cx="599010" cy="259045"/>
    <xdr:sp macro="" textlink="">
      <xdr:nvSpPr>
        <xdr:cNvPr id="262" name="n_3mainValue【橋りょう・トンネル】&#10;一人当たり有形固定資産（償却資産）額">
          <a:extLst>
            <a:ext uri="{FF2B5EF4-FFF2-40B4-BE49-F238E27FC236}">
              <a16:creationId xmlns:a16="http://schemas.microsoft.com/office/drawing/2014/main" id="{93A2167D-6B9E-4816-9D4F-6E59A68A0A04}"/>
            </a:ext>
          </a:extLst>
        </xdr:cNvPr>
        <xdr:cNvSpPr txBox="1"/>
      </xdr:nvSpPr>
      <xdr:spPr>
        <a:xfrm>
          <a:off x="6670255" y="10713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3</xdr:row>
      <xdr:rowOff>159390</xdr:rowOff>
    </xdr:from>
    <xdr:ext cx="599010" cy="259045"/>
    <xdr:sp macro="" textlink="">
      <xdr:nvSpPr>
        <xdr:cNvPr id="263" name="n_4mainValue【橋りょう・トンネル】&#10;一人当たり有形固定資産（償却資産）額">
          <a:extLst>
            <a:ext uri="{FF2B5EF4-FFF2-40B4-BE49-F238E27FC236}">
              <a16:creationId xmlns:a16="http://schemas.microsoft.com/office/drawing/2014/main" id="{40FF636C-0DF3-4A85-96AD-14593BB4DB8D}"/>
            </a:ext>
          </a:extLst>
        </xdr:cNvPr>
        <xdr:cNvSpPr txBox="1"/>
      </xdr:nvSpPr>
      <xdr:spPr>
        <a:xfrm>
          <a:off x="5872695" y="107207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id="{327D8F37-5B54-404B-8ECD-43C85FED46DC}"/>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id="{E175E358-E5CD-409A-90D4-D82A6709524D}"/>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id="{08FDCB4E-DC80-4490-A606-4AA4C9BF368F}"/>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id="{A8EA1C80-EB8F-47C1-A558-0D35F4E2C23E}"/>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id="{14595529-51C5-4F53-827A-2E3DDD6705F5}"/>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id="{8A219A66-BBE2-48C3-A71C-45BC2B24FEF7}"/>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id="{9BB11F47-F49C-4694-8A20-C71C02643163}"/>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id="{0B11FFB5-70B1-44C0-B473-4F4E1C298699}"/>
            </a:ext>
          </a:extLst>
        </xdr:cNvPr>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2" name="正方形/長方形 271">
          <a:extLst>
            <a:ext uri="{FF2B5EF4-FFF2-40B4-BE49-F238E27FC236}">
              <a16:creationId xmlns:a16="http://schemas.microsoft.com/office/drawing/2014/main" id="{44683B9A-6021-4793-BD89-3F86589AF3D0}"/>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3" name="正方形/長方形 272">
          <a:extLst>
            <a:ext uri="{FF2B5EF4-FFF2-40B4-BE49-F238E27FC236}">
              <a16:creationId xmlns:a16="http://schemas.microsoft.com/office/drawing/2014/main" id="{3BDBAF11-ECE1-4962-88CC-90AF3185365D}"/>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4" name="正方形/長方形 273">
          <a:extLst>
            <a:ext uri="{FF2B5EF4-FFF2-40B4-BE49-F238E27FC236}">
              <a16:creationId xmlns:a16="http://schemas.microsoft.com/office/drawing/2014/main" id="{58B3A8D8-118B-4C55-A836-41F139DA5C72}"/>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5" name="正方形/長方形 274">
          <a:extLst>
            <a:ext uri="{FF2B5EF4-FFF2-40B4-BE49-F238E27FC236}">
              <a16:creationId xmlns:a16="http://schemas.microsoft.com/office/drawing/2014/main" id="{7166B4C3-B2E9-4207-81F8-A9F596AB8245}"/>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6" name="正方形/長方形 275">
          <a:extLst>
            <a:ext uri="{FF2B5EF4-FFF2-40B4-BE49-F238E27FC236}">
              <a16:creationId xmlns:a16="http://schemas.microsoft.com/office/drawing/2014/main" id="{F6384ECB-7E06-4830-A29C-6AA4F912F390}"/>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7" name="正方形/長方形 276">
          <a:extLst>
            <a:ext uri="{FF2B5EF4-FFF2-40B4-BE49-F238E27FC236}">
              <a16:creationId xmlns:a16="http://schemas.microsoft.com/office/drawing/2014/main" id="{ACC23271-DFEE-4C3A-93E0-717DECE69093}"/>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8" name="正方形/長方形 277">
          <a:extLst>
            <a:ext uri="{FF2B5EF4-FFF2-40B4-BE49-F238E27FC236}">
              <a16:creationId xmlns:a16="http://schemas.microsoft.com/office/drawing/2014/main" id="{7118FAAE-AACE-4780-B47D-B72573CB9701}"/>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9" name="正方形/長方形 278">
          <a:extLst>
            <a:ext uri="{FF2B5EF4-FFF2-40B4-BE49-F238E27FC236}">
              <a16:creationId xmlns:a16="http://schemas.microsoft.com/office/drawing/2014/main" id="{00C1F0A0-1771-4E41-99F6-0AFDA3EDE75A}"/>
            </a:ext>
          </a:extLst>
        </xdr:cNvPr>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0" name="正方形/長方形 279">
          <a:extLst>
            <a:ext uri="{FF2B5EF4-FFF2-40B4-BE49-F238E27FC236}">
              <a16:creationId xmlns:a16="http://schemas.microsoft.com/office/drawing/2014/main" id="{5E86A1CD-F592-4194-AD88-97F2DE91E685}"/>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1" name="正方形/長方形 280">
          <a:extLst>
            <a:ext uri="{FF2B5EF4-FFF2-40B4-BE49-F238E27FC236}">
              <a16:creationId xmlns:a16="http://schemas.microsoft.com/office/drawing/2014/main" id="{07DC43EE-657A-4EB2-8315-EE20B34CBFB4}"/>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2" name="正方形/長方形 281">
          <a:extLst>
            <a:ext uri="{FF2B5EF4-FFF2-40B4-BE49-F238E27FC236}">
              <a16:creationId xmlns:a16="http://schemas.microsoft.com/office/drawing/2014/main" id="{84F829ED-254F-48B4-8AED-6FEB0D483D0C}"/>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3" name="正方形/長方形 282">
          <a:extLst>
            <a:ext uri="{FF2B5EF4-FFF2-40B4-BE49-F238E27FC236}">
              <a16:creationId xmlns:a16="http://schemas.microsoft.com/office/drawing/2014/main" id="{FBDC5C2A-EA6F-4C42-8AC0-C6F56E3060B1}"/>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4" name="正方形/長方形 283">
          <a:extLst>
            <a:ext uri="{FF2B5EF4-FFF2-40B4-BE49-F238E27FC236}">
              <a16:creationId xmlns:a16="http://schemas.microsoft.com/office/drawing/2014/main" id="{1748A082-38C1-487E-BA81-8A0325B5AD5F}"/>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5" name="正方形/長方形 284">
          <a:extLst>
            <a:ext uri="{FF2B5EF4-FFF2-40B4-BE49-F238E27FC236}">
              <a16:creationId xmlns:a16="http://schemas.microsoft.com/office/drawing/2014/main" id="{64CB6D61-1F75-4BB9-AA1A-B2FD3CCDABA6}"/>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6" name="正方形/長方形 285">
          <a:extLst>
            <a:ext uri="{FF2B5EF4-FFF2-40B4-BE49-F238E27FC236}">
              <a16:creationId xmlns:a16="http://schemas.microsoft.com/office/drawing/2014/main" id="{6F1A073B-F774-4426-A162-AA25080E8639}"/>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7" name="正方形/長方形 286">
          <a:extLst>
            <a:ext uri="{FF2B5EF4-FFF2-40B4-BE49-F238E27FC236}">
              <a16:creationId xmlns:a16="http://schemas.microsoft.com/office/drawing/2014/main" id="{A580CABF-9DD9-4FB0-A428-66E692C77D47}"/>
            </a:ext>
          </a:extLst>
        </xdr:cNvPr>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8" name="テキスト ボックス 287">
          <a:extLst>
            <a:ext uri="{FF2B5EF4-FFF2-40B4-BE49-F238E27FC236}">
              <a16:creationId xmlns:a16="http://schemas.microsoft.com/office/drawing/2014/main" id="{504BB54C-44CF-49B9-A91C-EEDA2D4F7B1E}"/>
            </a:ext>
          </a:extLst>
        </xdr:cNvPr>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89" name="直線コネクタ 288">
          <a:extLst>
            <a:ext uri="{FF2B5EF4-FFF2-40B4-BE49-F238E27FC236}">
              <a16:creationId xmlns:a16="http://schemas.microsoft.com/office/drawing/2014/main" id="{7CE8833D-D213-44C8-BDE0-01E51C472729}"/>
            </a:ext>
          </a:extLst>
        </xdr:cNvPr>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0" name="テキスト ボックス 289">
          <a:extLst>
            <a:ext uri="{FF2B5EF4-FFF2-40B4-BE49-F238E27FC236}">
              <a16:creationId xmlns:a16="http://schemas.microsoft.com/office/drawing/2014/main" id="{483B25AB-11B2-443A-A812-C4F172C04909}"/>
            </a:ext>
          </a:extLst>
        </xdr:cNvPr>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76200</xdr:rowOff>
    </xdr:from>
    <xdr:to>
      <xdr:col>28</xdr:col>
      <xdr:colOff>114300</xdr:colOff>
      <xdr:row>108</xdr:row>
      <xdr:rowOff>76200</xdr:rowOff>
    </xdr:to>
    <xdr:cxnSp macro="">
      <xdr:nvCxnSpPr>
        <xdr:cNvPr id="291" name="直線コネクタ 290">
          <a:extLst>
            <a:ext uri="{FF2B5EF4-FFF2-40B4-BE49-F238E27FC236}">
              <a16:creationId xmlns:a16="http://schemas.microsoft.com/office/drawing/2014/main" id="{91654E02-0B5C-46CA-8FAB-5170E0C145B3}"/>
            </a:ext>
          </a:extLst>
        </xdr:cNvPr>
        <xdr:cNvCxnSpPr/>
      </xdr:nvCxnSpPr>
      <xdr:spPr>
        <a:xfrm>
          <a:off x="670560" y="181813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7</xdr:row>
      <xdr:rowOff>105427</xdr:rowOff>
    </xdr:from>
    <xdr:ext cx="403059" cy="259045"/>
    <xdr:sp macro="" textlink="">
      <xdr:nvSpPr>
        <xdr:cNvPr id="292" name="テキスト ボックス 291">
          <a:extLst>
            <a:ext uri="{FF2B5EF4-FFF2-40B4-BE49-F238E27FC236}">
              <a16:creationId xmlns:a16="http://schemas.microsoft.com/office/drawing/2014/main" id="{C4BEF2EB-5003-4866-91E6-1251A71B3811}"/>
            </a:ext>
          </a:extLst>
        </xdr:cNvPr>
        <xdr:cNvSpPr txBox="1"/>
      </xdr:nvSpPr>
      <xdr:spPr>
        <a:xfrm>
          <a:off x="336081" y="180429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133350</xdr:rowOff>
    </xdr:from>
    <xdr:to>
      <xdr:col>28</xdr:col>
      <xdr:colOff>114300</xdr:colOff>
      <xdr:row>105</xdr:row>
      <xdr:rowOff>133350</xdr:rowOff>
    </xdr:to>
    <xdr:cxnSp macro="">
      <xdr:nvCxnSpPr>
        <xdr:cNvPr id="293" name="直線コネクタ 292">
          <a:extLst>
            <a:ext uri="{FF2B5EF4-FFF2-40B4-BE49-F238E27FC236}">
              <a16:creationId xmlns:a16="http://schemas.microsoft.com/office/drawing/2014/main" id="{DFA16473-2F2B-4B77-AE5B-C204B2C1F130}"/>
            </a:ext>
          </a:extLst>
        </xdr:cNvPr>
        <xdr:cNvCxnSpPr/>
      </xdr:nvCxnSpPr>
      <xdr:spPr>
        <a:xfrm>
          <a:off x="670560" y="177355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162577</xdr:rowOff>
    </xdr:from>
    <xdr:ext cx="403059" cy="259045"/>
    <xdr:sp macro="" textlink="">
      <xdr:nvSpPr>
        <xdr:cNvPr id="294" name="テキスト ボックス 293">
          <a:extLst>
            <a:ext uri="{FF2B5EF4-FFF2-40B4-BE49-F238E27FC236}">
              <a16:creationId xmlns:a16="http://schemas.microsoft.com/office/drawing/2014/main" id="{FDE981AE-E13F-4390-87DD-98D721FB21FE}"/>
            </a:ext>
          </a:extLst>
        </xdr:cNvPr>
        <xdr:cNvSpPr txBox="1"/>
      </xdr:nvSpPr>
      <xdr:spPr>
        <a:xfrm>
          <a:off x="336081" y="175971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9050</xdr:rowOff>
    </xdr:from>
    <xdr:to>
      <xdr:col>28</xdr:col>
      <xdr:colOff>114300</xdr:colOff>
      <xdr:row>103</xdr:row>
      <xdr:rowOff>19050</xdr:rowOff>
    </xdr:to>
    <xdr:cxnSp macro="">
      <xdr:nvCxnSpPr>
        <xdr:cNvPr id="295" name="直線コネクタ 294">
          <a:extLst>
            <a:ext uri="{FF2B5EF4-FFF2-40B4-BE49-F238E27FC236}">
              <a16:creationId xmlns:a16="http://schemas.microsoft.com/office/drawing/2014/main" id="{BFD2162F-709E-4ED6-A9E7-C65DD5EB9159}"/>
            </a:ext>
          </a:extLst>
        </xdr:cNvPr>
        <xdr:cNvCxnSpPr/>
      </xdr:nvCxnSpPr>
      <xdr:spPr>
        <a:xfrm>
          <a:off x="670560" y="172859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48277</xdr:rowOff>
    </xdr:from>
    <xdr:ext cx="403059" cy="259045"/>
    <xdr:sp macro="" textlink="">
      <xdr:nvSpPr>
        <xdr:cNvPr id="296" name="テキスト ボックス 295">
          <a:extLst>
            <a:ext uri="{FF2B5EF4-FFF2-40B4-BE49-F238E27FC236}">
              <a16:creationId xmlns:a16="http://schemas.microsoft.com/office/drawing/2014/main" id="{B2121001-78FC-45CC-81D2-FBD5EADA2656}"/>
            </a:ext>
          </a:extLst>
        </xdr:cNvPr>
        <xdr:cNvSpPr txBox="1"/>
      </xdr:nvSpPr>
      <xdr:spPr>
        <a:xfrm>
          <a:off x="336081" y="171475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76200</xdr:rowOff>
    </xdr:from>
    <xdr:to>
      <xdr:col>28</xdr:col>
      <xdr:colOff>114300</xdr:colOff>
      <xdr:row>100</xdr:row>
      <xdr:rowOff>76200</xdr:rowOff>
    </xdr:to>
    <xdr:cxnSp macro="">
      <xdr:nvCxnSpPr>
        <xdr:cNvPr id="297" name="直線コネクタ 296">
          <a:extLst>
            <a:ext uri="{FF2B5EF4-FFF2-40B4-BE49-F238E27FC236}">
              <a16:creationId xmlns:a16="http://schemas.microsoft.com/office/drawing/2014/main" id="{E655FFBB-9E8E-4715-BFA8-46CAFDDB37ED}"/>
            </a:ext>
          </a:extLst>
        </xdr:cNvPr>
        <xdr:cNvCxnSpPr/>
      </xdr:nvCxnSpPr>
      <xdr:spPr>
        <a:xfrm>
          <a:off x="670560" y="16840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105427</xdr:rowOff>
    </xdr:from>
    <xdr:ext cx="403059" cy="259045"/>
    <xdr:sp macro="" textlink="">
      <xdr:nvSpPr>
        <xdr:cNvPr id="298" name="テキスト ボックス 297">
          <a:extLst>
            <a:ext uri="{FF2B5EF4-FFF2-40B4-BE49-F238E27FC236}">
              <a16:creationId xmlns:a16="http://schemas.microsoft.com/office/drawing/2014/main" id="{69B1402B-4253-4623-880F-6F1B6F514805}"/>
            </a:ext>
          </a:extLst>
        </xdr:cNvPr>
        <xdr:cNvSpPr txBox="1"/>
      </xdr:nvSpPr>
      <xdr:spPr>
        <a:xfrm>
          <a:off x="336081" y="16701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99" name="直線コネクタ 298">
          <a:extLst>
            <a:ext uri="{FF2B5EF4-FFF2-40B4-BE49-F238E27FC236}">
              <a16:creationId xmlns:a16="http://schemas.microsoft.com/office/drawing/2014/main" id="{0679744C-03BF-419D-B079-F953102FE30A}"/>
            </a:ext>
          </a:extLst>
        </xdr:cNvPr>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300" name="テキスト ボックス 299">
          <a:extLst>
            <a:ext uri="{FF2B5EF4-FFF2-40B4-BE49-F238E27FC236}">
              <a16:creationId xmlns:a16="http://schemas.microsoft.com/office/drawing/2014/main" id="{6314E433-0D2B-4F69-97F3-2F1C0C12E6C8}"/>
            </a:ext>
          </a:extLst>
        </xdr:cNvPr>
        <xdr:cNvSpPr txBox="1"/>
      </xdr:nvSpPr>
      <xdr:spPr>
        <a:xfrm>
          <a:off x="377341" y="1625601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01" name="【港湾・漁港】&#10;有形固定資産減価償却率グラフ枠">
          <a:extLst>
            <a:ext uri="{FF2B5EF4-FFF2-40B4-BE49-F238E27FC236}">
              <a16:creationId xmlns:a16="http://schemas.microsoft.com/office/drawing/2014/main" id="{A790248A-064D-40A7-B21D-8B5A7CEE78EB}"/>
            </a:ext>
          </a:extLst>
        </xdr:cNvPr>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41911</xdr:rowOff>
    </xdr:from>
    <xdr:to>
      <xdr:col>24</xdr:col>
      <xdr:colOff>62865</xdr:colOff>
      <xdr:row>107</xdr:row>
      <xdr:rowOff>158496</xdr:rowOff>
    </xdr:to>
    <xdr:cxnSp macro="">
      <xdr:nvCxnSpPr>
        <xdr:cNvPr id="302" name="直線コネクタ 301">
          <a:extLst>
            <a:ext uri="{FF2B5EF4-FFF2-40B4-BE49-F238E27FC236}">
              <a16:creationId xmlns:a16="http://schemas.microsoft.com/office/drawing/2014/main" id="{318406C8-6FE2-4326-9B71-6AAB7A9DCDF4}"/>
            </a:ext>
          </a:extLst>
        </xdr:cNvPr>
        <xdr:cNvCxnSpPr/>
      </xdr:nvCxnSpPr>
      <xdr:spPr>
        <a:xfrm flipV="1">
          <a:off x="4086225" y="16805911"/>
          <a:ext cx="0" cy="12900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162323</xdr:rowOff>
    </xdr:from>
    <xdr:ext cx="405111" cy="259045"/>
    <xdr:sp macro="" textlink="">
      <xdr:nvSpPr>
        <xdr:cNvPr id="303" name="【港湾・漁港】&#10;有形固定資産減価償却率最小値テキスト">
          <a:extLst>
            <a:ext uri="{FF2B5EF4-FFF2-40B4-BE49-F238E27FC236}">
              <a16:creationId xmlns:a16="http://schemas.microsoft.com/office/drawing/2014/main" id="{E9A5E96D-4520-4C92-B737-363955A13C9B}"/>
            </a:ext>
          </a:extLst>
        </xdr:cNvPr>
        <xdr:cNvSpPr txBox="1"/>
      </xdr:nvSpPr>
      <xdr:spPr>
        <a:xfrm>
          <a:off x="4124960" y="180998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158496</xdr:rowOff>
    </xdr:from>
    <xdr:to>
      <xdr:col>24</xdr:col>
      <xdr:colOff>152400</xdr:colOff>
      <xdr:row>107</xdr:row>
      <xdr:rowOff>158496</xdr:rowOff>
    </xdr:to>
    <xdr:cxnSp macro="">
      <xdr:nvCxnSpPr>
        <xdr:cNvPr id="304" name="直線コネクタ 303">
          <a:extLst>
            <a:ext uri="{FF2B5EF4-FFF2-40B4-BE49-F238E27FC236}">
              <a16:creationId xmlns:a16="http://schemas.microsoft.com/office/drawing/2014/main" id="{F0588370-2894-4E59-9BE9-E1686AB04E45}"/>
            </a:ext>
          </a:extLst>
        </xdr:cNvPr>
        <xdr:cNvCxnSpPr/>
      </xdr:nvCxnSpPr>
      <xdr:spPr>
        <a:xfrm>
          <a:off x="4020820" y="1809597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60038</xdr:rowOff>
    </xdr:from>
    <xdr:ext cx="405111" cy="259045"/>
    <xdr:sp macro="" textlink="">
      <xdr:nvSpPr>
        <xdr:cNvPr id="305" name="【港湾・漁港】&#10;有形固定資産減価償却率最大値テキスト">
          <a:extLst>
            <a:ext uri="{FF2B5EF4-FFF2-40B4-BE49-F238E27FC236}">
              <a16:creationId xmlns:a16="http://schemas.microsoft.com/office/drawing/2014/main" id="{30D01545-F5D6-4DAA-8031-5149167BE8A9}"/>
            </a:ext>
          </a:extLst>
        </xdr:cNvPr>
        <xdr:cNvSpPr txBox="1"/>
      </xdr:nvSpPr>
      <xdr:spPr>
        <a:xfrm>
          <a:off x="4124960" y="16588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41911</xdr:rowOff>
    </xdr:from>
    <xdr:to>
      <xdr:col>24</xdr:col>
      <xdr:colOff>152400</xdr:colOff>
      <xdr:row>100</xdr:row>
      <xdr:rowOff>41911</xdr:rowOff>
    </xdr:to>
    <xdr:cxnSp macro="">
      <xdr:nvCxnSpPr>
        <xdr:cNvPr id="306" name="直線コネクタ 305">
          <a:extLst>
            <a:ext uri="{FF2B5EF4-FFF2-40B4-BE49-F238E27FC236}">
              <a16:creationId xmlns:a16="http://schemas.microsoft.com/office/drawing/2014/main" id="{312B4C1E-7DB3-4644-99B8-435578733B1B}"/>
            </a:ext>
          </a:extLst>
        </xdr:cNvPr>
        <xdr:cNvCxnSpPr/>
      </xdr:nvCxnSpPr>
      <xdr:spPr>
        <a:xfrm>
          <a:off x="4020820" y="1680591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60290</xdr:rowOff>
    </xdr:from>
    <xdr:ext cx="405111" cy="259045"/>
    <xdr:sp macro="" textlink="">
      <xdr:nvSpPr>
        <xdr:cNvPr id="307" name="【港湾・漁港】&#10;有形固定資産減価償却率平均値テキスト">
          <a:extLst>
            <a:ext uri="{FF2B5EF4-FFF2-40B4-BE49-F238E27FC236}">
              <a16:creationId xmlns:a16="http://schemas.microsoft.com/office/drawing/2014/main" id="{651892A8-536B-4DBF-B297-A2A7F910127F}"/>
            </a:ext>
          </a:extLst>
        </xdr:cNvPr>
        <xdr:cNvSpPr txBox="1"/>
      </xdr:nvSpPr>
      <xdr:spPr>
        <a:xfrm>
          <a:off x="4124960" y="1742721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37413</xdr:rowOff>
    </xdr:from>
    <xdr:to>
      <xdr:col>24</xdr:col>
      <xdr:colOff>114300</xdr:colOff>
      <xdr:row>105</xdr:row>
      <xdr:rowOff>67563</xdr:rowOff>
    </xdr:to>
    <xdr:sp macro="" textlink="">
      <xdr:nvSpPr>
        <xdr:cNvPr id="308" name="フローチャート: 判断 307">
          <a:extLst>
            <a:ext uri="{FF2B5EF4-FFF2-40B4-BE49-F238E27FC236}">
              <a16:creationId xmlns:a16="http://schemas.microsoft.com/office/drawing/2014/main" id="{CAF74127-C69F-422C-86A7-840FA5D15765}"/>
            </a:ext>
          </a:extLst>
        </xdr:cNvPr>
        <xdr:cNvSpPr/>
      </xdr:nvSpPr>
      <xdr:spPr>
        <a:xfrm>
          <a:off x="4036060" y="1757197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84837</xdr:rowOff>
    </xdr:from>
    <xdr:to>
      <xdr:col>20</xdr:col>
      <xdr:colOff>38100</xdr:colOff>
      <xdr:row>105</xdr:row>
      <xdr:rowOff>14987</xdr:rowOff>
    </xdr:to>
    <xdr:sp macro="" textlink="">
      <xdr:nvSpPr>
        <xdr:cNvPr id="309" name="フローチャート: 判断 308">
          <a:extLst>
            <a:ext uri="{FF2B5EF4-FFF2-40B4-BE49-F238E27FC236}">
              <a16:creationId xmlns:a16="http://schemas.microsoft.com/office/drawing/2014/main" id="{B33766AE-D31C-424C-B24C-58A028A22D7B}"/>
            </a:ext>
          </a:extLst>
        </xdr:cNvPr>
        <xdr:cNvSpPr/>
      </xdr:nvSpPr>
      <xdr:spPr>
        <a:xfrm>
          <a:off x="3312160" y="1751939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77978</xdr:rowOff>
    </xdr:from>
    <xdr:to>
      <xdr:col>15</xdr:col>
      <xdr:colOff>101600</xdr:colOff>
      <xdr:row>105</xdr:row>
      <xdr:rowOff>8128</xdr:rowOff>
    </xdr:to>
    <xdr:sp macro="" textlink="">
      <xdr:nvSpPr>
        <xdr:cNvPr id="310" name="フローチャート: 判断 309">
          <a:extLst>
            <a:ext uri="{FF2B5EF4-FFF2-40B4-BE49-F238E27FC236}">
              <a16:creationId xmlns:a16="http://schemas.microsoft.com/office/drawing/2014/main" id="{EEFA3C76-4F2A-4035-BE4D-CF6237201109}"/>
            </a:ext>
          </a:extLst>
        </xdr:cNvPr>
        <xdr:cNvSpPr/>
      </xdr:nvSpPr>
      <xdr:spPr>
        <a:xfrm>
          <a:off x="2514600" y="1751253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29972</xdr:rowOff>
    </xdr:from>
    <xdr:to>
      <xdr:col>10</xdr:col>
      <xdr:colOff>165100</xdr:colOff>
      <xdr:row>104</xdr:row>
      <xdr:rowOff>131572</xdr:rowOff>
    </xdr:to>
    <xdr:sp macro="" textlink="">
      <xdr:nvSpPr>
        <xdr:cNvPr id="311" name="フローチャート: 判断 310">
          <a:extLst>
            <a:ext uri="{FF2B5EF4-FFF2-40B4-BE49-F238E27FC236}">
              <a16:creationId xmlns:a16="http://schemas.microsoft.com/office/drawing/2014/main" id="{104D90C3-5B6D-40E7-A856-A88559A86DDF}"/>
            </a:ext>
          </a:extLst>
        </xdr:cNvPr>
        <xdr:cNvSpPr/>
      </xdr:nvSpPr>
      <xdr:spPr>
        <a:xfrm>
          <a:off x="1739900" y="17464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21413</xdr:rowOff>
    </xdr:from>
    <xdr:to>
      <xdr:col>6</xdr:col>
      <xdr:colOff>38100</xdr:colOff>
      <xdr:row>104</xdr:row>
      <xdr:rowOff>51563</xdr:rowOff>
    </xdr:to>
    <xdr:sp macro="" textlink="">
      <xdr:nvSpPr>
        <xdr:cNvPr id="312" name="フローチャート: 判断 311">
          <a:extLst>
            <a:ext uri="{FF2B5EF4-FFF2-40B4-BE49-F238E27FC236}">
              <a16:creationId xmlns:a16="http://schemas.microsoft.com/office/drawing/2014/main" id="{B8135997-0CBB-4A09-A3CB-CEA4BA2C0327}"/>
            </a:ext>
          </a:extLst>
        </xdr:cNvPr>
        <xdr:cNvSpPr/>
      </xdr:nvSpPr>
      <xdr:spPr>
        <a:xfrm>
          <a:off x="965200" y="1738833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3" name="テキスト ボックス 312">
          <a:extLst>
            <a:ext uri="{FF2B5EF4-FFF2-40B4-BE49-F238E27FC236}">
              <a16:creationId xmlns:a16="http://schemas.microsoft.com/office/drawing/2014/main" id="{E49AB6B0-A58C-42EE-A1CA-753BAF19202A}"/>
            </a:ext>
          </a:extLst>
        </xdr:cNvPr>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4" name="テキスト ボックス 313">
          <a:extLst>
            <a:ext uri="{FF2B5EF4-FFF2-40B4-BE49-F238E27FC236}">
              <a16:creationId xmlns:a16="http://schemas.microsoft.com/office/drawing/2014/main" id="{42E89937-ED8C-49B7-9EA3-E5C2A826987B}"/>
            </a:ext>
          </a:extLst>
        </xdr:cNvPr>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5" name="テキスト ボックス 314">
          <a:extLst>
            <a:ext uri="{FF2B5EF4-FFF2-40B4-BE49-F238E27FC236}">
              <a16:creationId xmlns:a16="http://schemas.microsoft.com/office/drawing/2014/main" id="{9572F577-4A0F-4260-B335-D827ADAE8737}"/>
            </a:ext>
          </a:extLst>
        </xdr:cNvPr>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16" name="テキスト ボックス 315">
          <a:extLst>
            <a:ext uri="{FF2B5EF4-FFF2-40B4-BE49-F238E27FC236}">
              <a16:creationId xmlns:a16="http://schemas.microsoft.com/office/drawing/2014/main" id="{6D81B19B-E7EE-4D3C-8C88-60CEB2F67F04}"/>
            </a:ext>
          </a:extLst>
        </xdr:cNvPr>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17" name="テキスト ボックス 316">
          <a:extLst>
            <a:ext uri="{FF2B5EF4-FFF2-40B4-BE49-F238E27FC236}">
              <a16:creationId xmlns:a16="http://schemas.microsoft.com/office/drawing/2014/main" id="{9B101172-7A6F-490D-AEF2-A67675F7F154}"/>
            </a:ext>
          </a:extLst>
        </xdr:cNvPr>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66548</xdr:rowOff>
    </xdr:from>
    <xdr:to>
      <xdr:col>24</xdr:col>
      <xdr:colOff>114300</xdr:colOff>
      <xdr:row>106</xdr:row>
      <xdr:rowOff>168148</xdr:rowOff>
    </xdr:to>
    <xdr:sp macro="" textlink="">
      <xdr:nvSpPr>
        <xdr:cNvPr id="318" name="楕円 317">
          <a:extLst>
            <a:ext uri="{FF2B5EF4-FFF2-40B4-BE49-F238E27FC236}">
              <a16:creationId xmlns:a16="http://schemas.microsoft.com/office/drawing/2014/main" id="{98AD101F-7AD6-40F3-A58E-14861DB4B89D}"/>
            </a:ext>
          </a:extLst>
        </xdr:cNvPr>
        <xdr:cNvSpPr/>
      </xdr:nvSpPr>
      <xdr:spPr>
        <a:xfrm>
          <a:off x="4036060" y="17836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44975</xdr:rowOff>
    </xdr:from>
    <xdr:ext cx="405111" cy="259045"/>
    <xdr:sp macro="" textlink="">
      <xdr:nvSpPr>
        <xdr:cNvPr id="319" name="【港湾・漁港】&#10;有形固定資産減価償却率該当値テキスト">
          <a:extLst>
            <a:ext uri="{FF2B5EF4-FFF2-40B4-BE49-F238E27FC236}">
              <a16:creationId xmlns:a16="http://schemas.microsoft.com/office/drawing/2014/main" id="{B3D3C1E4-0A10-41F9-8430-79517F2808AB}"/>
            </a:ext>
          </a:extLst>
        </xdr:cNvPr>
        <xdr:cNvSpPr txBox="1"/>
      </xdr:nvSpPr>
      <xdr:spPr>
        <a:xfrm>
          <a:off x="4124960" y="17814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20828</xdr:rowOff>
    </xdr:from>
    <xdr:to>
      <xdr:col>20</xdr:col>
      <xdr:colOff>38100</xdr:colOff>
      <xdr:row>106</xdr:row>
      <xdr:rowOff>122428</xdr:rowOff>
    </xdr:to>
    <xdr:sp macro="" textlink="">
      <xdr:nvSpPr>
        <xdr:cNvPr id="320" name="楕円 319">
          <a:extLst>
            <a:ext uri="{FF2B5EF4-FFF2-40B4-BE49-F238E27FC236}">
              <a16:creationId xmlns:a16="http://schemas.microsoft.com/office/drawing/2014/main" id="{5A736EA4-4BC3-4F33-A852-23DF175D45BE}"/>
            </a:ext>
          </a:extLst>
        </xdr:cNvPr>
        <xdr:cNvSpPr/>
      </xdr:nvSpPr>
      <xdr:spPr>
        <a:xfrm>
          <a:off x="3312160" y="1779066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71628</xdr:rowOff>
    </xdr:from>
    <xdr:to>
      <xdr:col>24</xdr:col>
      <xdr:colOff>63500</xdr:colOff>
      <xdr:row>106</xdr:row>
      <xdr:rowOff>117348</xdr:rowOff>
    </xdr:to>
    <xdr:cxnSp macro="">
      <xdr:nvCxnSpPr>
        <xdr:cNvPr id="321" name="直線コネクタ 320">
          <a:extLst>
            <a:ext uri="{FF2B5EF4-FFF2-40B4-BE49-F238E27FC236}">
              <a16:creationId xmlns:a16="http://schemas.microsoft.com/office/drawing/2014/main" id="{1B59F8E3-60FF-47A3-A16A-AD8450101758}"/>
            </a:ext>
          </a:extLst>
        </xdr:cNvPr>
        <xdr:cNvCxnSpPr/>
      </xdr:nvCxnSpPr>
      <xdr:spPr>
        <a:xfrm>
          <a:off x="3355340" y="17841468"/>
          <a:ext cx="73152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46558</xdr:rowOff>
    </xdr:from>
    <xdr:to>
      <xdr:col>15</xdr:col>
      <xdr:colOff>101600</xdr:colOff>
      <xdr:row>106</xdr:row>
      <xdr:rowOff>76708</xdr:rowOff>
    </xdr:to>
    <xdr:sp macro="" textlink="">
      <xdr:nvSpPr>
        <xdr:cNvPr id="322" name="楕円 321">
          <a:extLst>
            <a:ext uri="{FF2B5EF4-FFF2-40B4-BE49-F238E27FC236}">
              <a16:creationId xmlns:a16="http://schemas.microsoft.com/office/drawing/2014/main" id="{29062498-C5F4-4E0A-A91F-0B868C8E4740}"/>
            </a:ext>
          </a:extLst>
        </xdr:cNvPr>
        <xdr:cNvSpPr/>
      </xdr:nvSpPr>
      <xdr:spPr>
        <a:xfrm>
          <a:off x="2514600" y="1774875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25908</xdr:rowOff>
    </xdr:from>
    <xdr:to>
      <xdr:col>19</xdr:col>
      <xdr:colOff>177800</xdr:colOff>
      <xdr:row>106</xdr:row>
      <xdr:rowOff>71628</xdr:rowOff>
    </xdr:to>
    <xdr:cxnSp macro="">
      <xdr:nvCxnSpPr>
        <xdr:cNvPr id="323" name="直線コネクタ 322">
          <a:extLst>
            <a:ext uri="{FF2B5EF4-FFF2-40B4-BE49-F238E27FC236}">
              <a16:creationId xmlns:a16="http://schemas.microsoft.com/office/drawing/2014/main" id="{DCBF29D4-D0AF-4863-BADD-1F4CDA57C27B}"/>
            </a:ext>
          </a:extLst>
        </xdr:cNvPr>
        <xdr:cNvCxnSpPr/>
      </xdr:nvCxnSpPr>
      <xdr:spPr>
        <a:xfrm>
          <a:off x="2565400" y="17795748"/>
          <a:ext cx="78994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05411</xdr:rowOff>
    </xdr:from>
    <xdr:to>
      <xdr:col>10</xdr:col>
      <xdr:colOff>165100</xdr:colOff>
      <xdr:row>106</xdr:row>
      <xdr:rowOff>35561</xdr:rowOff>
    </xdr:to>
    <xdr:sp macro="" textlink="">
      <xdr:nvSpPr>
        <xdr:cNvPr id="324" name="楕円 323">
          <a:extLst>
            <a:ext uri="{FF2B5EF4-FFF2-40B4-BE49-F238E27FC236}">
              <a16:creationId xmlns:a16="http://schemas.microsoft.com/office/drawing/2014/main" id="{ECB4A339-7EED-47E8-89FC-E59CB0B36BFA}"/>
            </a:ext>
          </a:extLst>
        </xdr:cNvPr>
        <xdr:cNvSpPr/>
      </xdr:nvSpPr>
      <xdr:spPr>
        <a:xfrm>
          <a:off x="1739900" y="1770761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156211</xdr:rowOff>
    </xdr:from>
    <xdr:to>
      <xdr:col>15</xdr:col>
      <xdr:colOff>50800</xdr:colOff>
      <xdr:row>106</xdr:row>
      <xdr:rowOff>25908</xdr:rowOff>
    </xdr:to>
    <xdr:cxnSp macro="">
      <xdr:nvCxnSpPr>
        <xdr:cNvPr id="325" name="直線コネクタ 324">
          <a:extLst>
            <a:ext uri="{FF2B5EF4-FFF2-40B4-BE49-F238E27FC236}">
              <a16:creationId xmlns:a16="http://schemas.microsoft.com/office/drawing/2014/main" id="{4E5D1A0C-8387-42BA-B866-B30AA7BF3A05}"/>
            </a:ext>
          </a:extLst>
        </xdr:cNvPr>
        <xdr:cNvCxnSpPr/>
      </xdr:nvCxnSpPr>
      <xdr:spPr>
        <a:xfrm>
          <a:off x="1790700" y="17758411"/>
          <a:ext cx="774700" cy="37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68835</xdr:rowOff>
    </xdr:from>
    <xdr:to>
      <xdr:col>6</xdr:col>
      <xdr:colOff>38100</xdr:colOff>
      <xdr:row>105</xdr:row>
      <xdr:rowOff>170435</xdr:rowOff>
    </xdr:to>
    <xdr:sp macro="" textlink="">
      <xdr:nvSpPr>
        <xdr:cNvPr id="326" name="楕円 325">
          <a:extLst>
            <a:ext uri="{FF2B5EF4-FFF2-40B4-BE49-F238E27FC236}">
              <a16:creationId xmlns:a16="http://schemas.microsoft.com/office/drawing/2014/main" id="{7D73F7D8-2C78-4722-8C65-2081D2EA438E}"/>
            </a:ext>
          </a:extLst>
        </xdr:cNvPr>
        <xdr:cNvSpPr/>
      </xdr:nvSpPr>
      <xdr:spPr>
        <a:xfrm>
          <a:off x="965200" y="1767103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119635</xdr:rowOff>
    </xdr:from>
    <xdr:to>
      <xdr:col>10</xdr:col>
      <xdr:colOff>114300</xdr:colOff>
      <xdr:row>105</xdr:row>
      <xdr:rowOff>156211</xdr:rowOff>
    </xdr:to>
    <xdr:cxnSp macro="">
      <xdr:nvCxnSpPr>
        <xdr:cNvPr id="327" name="直線コネクタ 326">
          <a:extLst>
            <a:ext uri="{FF2B5EF4-FFF2-40B4-BE49-F238E27FC236}">
              <a16:creationId xmlns:a16="http://schemas.microsoft.com/office/drawing/2014/main" id="{5B6CD8CF-5054-467A-8295-6318424C7F68}"/>
            </a:ext>
          </a:extLst>
        </xdr:cNvPr>
        <xdr:cNvCxnSpPr/>
      </xdr:nvCxnSpPr>
      <xdr:spPr>
        <a:xfrm>
          <a:off x="1008380" y="17721835"/>
          <a:ext cx="78232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31514</xdr:rowOff>
    </xdr:from>
    <xdr:ext cx="405111" cy="259045"/>
    <xdr:sp macro="" textlink="">
      <xdr:nvSpPr>
        <xdr:cNvPr id="328" name="n_1aveValue【港湾・漁港】&#10;有形固定資産減価償却率">
          <a:extLst>
            <a:ext uri="{FF2B5EF4-FFF2-40B4-BE49-F238E27FC236}">
              <a16:creationId xmlns:a16="http://schemas.microsoft.com/office/drawing/2014/main" id="{A8B63BCA-7EF3-4E1A-9DFD-F48BEB87307E}"/>
            </a:ext>
          </a:extLst>
        </xdr:cNvPr>
        <xdr:cNvSpPr txBox="1"/>
      </xdr:nvSpPr>
      <xdr:spPr>
        <a:xfrm>
          <a:off x="3170564" y="17298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24655</xdr:rowOff>
    </xdr:from>
    <xdr:ext cx="405111" cy="259045"/>
    <xdr:sp macro="" textlink="">
      <xdr:nvSpPr>
        <xdr:cNvPr id="329" name="n_2aveValue【港湾・漁港】&#10;有形固定資産減価償却率">
          <a:extLst>
            <a:ext uri="{FF2B5EF4-FFF2-40B4-BE49-F238E27FC236}">
              <a16:creationId xmlns:a16="http://schemas.microsoft.com/office/drawing/2014/main" id="{79405B04-7AC3-4359-9719-CFB90B525DBA}"/>
            </a:ext>
          </a:extLst>
        </xdr:cNvPr>
        <xdr:cNvSpPr txBox="1"/>
      </xdr:nvSpPr>
      <xdr:spPr>
        <a:xfrm>
          <a:off x="2385704" y="17291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48099</xdr:rowOff>
    </xdr:from>
    <xdr:ext cx="405111" cy="259045"/>
    <xdr:sp macro="" textlink="">
      <xdr:nvSpPr>
        <xdr:cNvPr id="330" name="n_3aveValue【港湾・漁港】&#10;有形固定資産減価償却率">
          <a:extLst>
            <a:ext uri="{FF2B5EF4-FFF2-40B4-BE49-F238E27FC236}">
              <a16:creationId xmlns:a16="http://schemas.microsoft.com/office/drawing/2014/main" id="{869ADE7C-9E2B-4B97-ACA5-19359E526399}"/>
            </a:ext>
          </a:extLst>
        </xdr:cNvPr>
        <xdr:cNvSpPr txBox="1"/>
      </xdr:nvSpPr>
      <xdr:spPr>
        <a:xfrm>
          <a:off x="1611004" y="172473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68090</xdr:rowOff>
    </xdr:from>
    <xdr:ext cx="405111" cy="259045"/>
    <xdr:sp macro="" textlink="">
      <xdr:nvSpPr>
        <xdr:cNvPr id="331" name="n_4aveValue【港湾・漁港】&#10;有形固定資産減価償却率">
          <a:extLst>
            <a:ext uri="{FF2B5EF4-FFF2-40B4-BE49-F238E27FC236}">
              <a16:creationId xmlns:a16="http://schemas.microsoft.com/office/drawing/2014/main" id="{D836514B-87E6-4C43-A8B0-BFCC59D4EE46}"/>
            </a:ext>
          </a:extLst>
        </xdr:cNvPr>
        <xdr:cNvSpPr txBox="1"/>
      </xdr:nvSpPr>
      <xdr:spPr>
        <a:xfrm>
          <a:off x="836304" y="17167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113555</xdr:rowOff>
    </xdr:from>
    <xdr:ext cx="405111" cy="259045"/>
    <xdr:sp macro="" textlink="">
      <xdr:nvSpPr>
        <xdr:cNvPr id="332" name="n_1mainValue【港湾・漁港】&#10;有形固定資産減価償却率">
          <a:extLst>
            <a:ext uri="{FF2B5EF4-FFF2-40B4-BE49-F238E27FC236}">
              <a16:creationId xmlns:a16="http://schemas.microsoft.com/office/drawing/2014/main" id="{B0591D17-96CE-4A1F-9E60-BEA22DC8105D}"/>
            </a:ext>
          </a:extLst>
        </xdr:cNvPr>
        <xdr:cNvSpPr txBox="1"/>
      </xdr:nvSpPr>
      <xdr:spPr>
        <a:xfrm>
          <a:off x="3170564" y="178833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67835</xdr:rowOff>
    </xdr:from>
    <xdr:ext cx="405111" cy="259045"/>
    <xdr:sp macro="" textlink="">
      <xdr:nvSpPr>
        <xdr:cNvPr id="333" name="n_2mainValue【港湾・漁港】&#10;有形固定資産減価償却率">
          <a:extLst>
            <a:ext uri="{FF2B5EF4-FFF2-40B4-BE49-F238E27FC236}">
              <a16:creationId xmlns:a16="http://schemas.microsoft.com/office/drawing/2014/main" id="{BC207EDE-367F-4458-BD87-2762CF845705}"/>
            </a:ext>
          </a:extLst>
        </xdr:cNvPr>
        <xdr:cNvSpPr txBox="1"/>
      </xdr:nvSpPr>
      <xdr:spPr>
        <a:xfrm>
          <a:off x="2385704" y="17837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26688</xdr:rowOff>
    </xdr:from>
    <xdr:ext cx="405111" cy="259045"/>
    <xdr:sp macro="" textlink="">
      <xdr:nvSpPr>
        <xdr:cNvPr id="334" name="n_3mainValue【港湾・漁港】&#10;有形固定資産減価償却率">
          <a:extLst>
            <a:ext uri="{FF2B5EF4-FFF2-40B4-BE49-F238E27FC236}">
              <a16:creationId xmlns:a16="http://schemas.microsoft.com/office/drawing/2014/main" id="{8C460796-2A84-4590-8DB3-F10D3B64BDB4}"/>
            </a:ext>
          </a:extLst>
        </xdr:cNvPr>
        <xdr:cNvSpPr txBox="1"/>
      </xdr:nvSpPr>
      <xdr:spPr>
        <a:xfrm>
          <a:off x="1611004" y="17796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61562</xdr:rowOff>
    </xdr:from>
    <xdr:ext cx="405111" cy="259045"/>
    <xdr:sp macro="" textlink="">
      <xdr:nvSpPr>
        <xdr:cNvPr id="335" name="n_4mainValue【港湾・漁港】&#10;有形固定資産減価償却率">
          <a:extLst>
            <a:ext uri="{FF2B5EF4-FFF2-40B4-BE49-F238E27FC236}">
              <a16:creationId xmlns:a16="http://schemas.microsoft.com/office/drawing/2014/main" id="{E6052CF6-5D56-4E95-8A73-EEC9714B7B32}"/>
            </a:ext>
          </a:extLst>
        </xdr:cNvPr>
        <xdr:cNvSpPr txBox="1"/>
      </xdr:nvSpPr>
      <xdr:spPr>
        <a:xfrm>
          <a:off x="836304" y="17763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36" name="正方形/長方形 335">
          <a:extLst>
            <a:ext uri="{FF2B5EF4-FFF2-40B4-BE49-F238E27FC236}">
              <a16:creationId xmlns:a16="http://schemas.microsoft.com/office/drawing/2014/main" id="{EB122BD0-FF63-4F89-B51C-915F7099B8BC}"/>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7" name="正方形/長方形 336">
          <a:extLst>
            <a:ext uri="{FF2B5EF4-FFF2-40B4-BE49-F238E27FC236}">
              <a16:creationId xmlns:a16="http://schemas.microsoft.com/office/drawing/2014/main" id="{E0000C84-4D0B-484C-9A45-B62FA7E29B8D}"/>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8" name="正方形/長方形 337">
          <a:extLst>
            <a:ext uri="{FF2B5EF4-FFF2-40B4-BE49-F238E27FC236}">
              <a16:creationId xmlns:a16="http://schemas.microsoft.com/office/drawing/2014/main" id="{6CA70E30-AD28-490F-9042-30FE53DE2E14}"/>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39" name="正方形/長方形 338">
          <a:extLst>
            <a:ext uri="{FF2B5EF4-FFF2-40B4-BE49-F238E27FC236}">
              <a16:creationId xmlns:a16="http://schemas.microsoft.com/office/drawing/2014/main" id="{F5F8DAFF-3D44-493F-B08D-CD85434E5E12}"/>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0" name="正方形/長方形 339">
          <a:extLst>
            <a:ext uri="{FF2B5EF4-FFF2-40B4-BE49-F238E27FC236}">
              <a16:creationId xmlns:a16="http://schemas.microsoft.com/office/drawing/2014/main" id="{47B6B5F4-6D2B-43DB-8DFE-9BA4FD0C4769}"/>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1" name="正方形/長方形 340">
          <a:extLst>
            <a:ext uri="{FF2B5EF4-FFF2-40B4-BE49-F238E27FC236}">
              <a16:creationId xmlns:a16="http://schemas.microsoft.com/office/drawing/2014/main" id="{2792C7A7-83E5-4541-ACBC-123C6E31B1DF}"/>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2" name="正方形/長方形 341">
          <a:extLst>
            <a:ext uri="{FF2B5EF4-FFF2-40B4-BE49-F238E27FC236}">
              <a16:creationId xmlns:a16="http://schemas.microsoft.com/office/drawing/2014/main" id="{E8885034-94F1-47CF-A147-68248BBBB41A}"/>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3" name="正方形/長方形 342">
          <a:extLst>
            <a:ext uri="{FF2B5EF4-FFF2-40B4-BE49-F238E27FC236}">
              <a16:creationId xmlns:a16="http://schemas.microsoft.com/office/drawing/2014/main" id="{B52E00A7-E5FA-463C-B904-D4813A000F49}"/>
            </a:ext>
          </a:extLst>
        </xdr:cNvPr>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4" name="テキスト ボックス 343">
          <a:extLst>
            <a:ext uri="{FF2B5EF4-FFF2-40B4-BE49-F238E27FC236}">
              <a16:creationId xmlns:a16="http://schemas.microsoft.com/office/drawing/2014/main" id="{BE73F6D1-991B-4988-A47E-2F39A9AE1C6C}"/>
            </a:ext>
          </a:extLst>
        </xdr:cNvPr>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5" name="直線コネクタ 344">
          <a:extLst>
            <a:ext uri="{FF2B5EF4-FFF2-40B4-BE49-F238E27FC236}">
              <a16:creationId xmlns:a16="http://schemas.microsoft.com/office/drawing/2014/main" id="{80CC2331-9495-4B00-A808-7E27F276A849}"/>
            </a:ext>
          </a:extLst>
        </xdr:cNvPr>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46" name="直線コネクタ 345">
          <a:extLst>
            <a:ext uri="{FF2B5EF4-FFF2-40B4-BE49-F238E27FC236}">
              <a16:creationId xmlns:a16="http://schemas.microsoft.com/office/drawing/2014/main" id="{4C86E592-779B-46E2-9443-C73B33B187DC}"/>
            </a:ext>
          </a:extLst>
        </xdr:cNvPr>
        <xdr:cNvCxnSpPr/>
      </xdr:nvCxnSpPr>
      <xdr:spPr>
        <a:xfrm>
          <a:off x="5826760" y="181813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347" name="テキスト ボックス 346">
          <a:extLst>
            <a:ext uri="{FF2B5EF4-FFF2-40B4-BE49-F238E27FC236}">
              <a16:creationId xmlns:a16="http://schemas.microsoft.com/office/drawing/2014/main" id="{49163F26-B526-4961-B4A7-7E1EAA208FAF}"/>
            </a:ext>
          </a:extLst>
        </xdr:cNvPr>
        <xdr:cNvSpPr txBox="1"/>
      </xdr:nvSpPr>
      <xdr:spPr>
        <a:xfrm>
          <a:off x="5600834" y="1804290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48" name="直線コネクタ 347">
          <a:extLst>
            <a:ext uri="{FF2B5EF4-FFF2-40B4-BE49-F238E27FC236}">
              <a16:creationId xmlns:a16="http://schemas.microsoft.com/office/drawing/2014/main" id="{B58E6BB6-4953-47D0-87C5-136DF6DE6B50}"/>
            </a:ext>
          </a:extLst>
        </xdr:cNvPr>
        <xdr:cNvCxnSpPr/>
      </xdr:nvCxnSpPr>
      <xdr:spPr>
        <a:xfrm>
          <a:off x="5826760" y="177355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162577</xdr:rowOff>
    </xdr:from>
    <xdr:ext cx="595419" cy="259045"/>
    <xdr:sp macro="" textlink="">
      <xdr:nvSpPr>
        <xdr:cNvPr id="349" name="テキスト ボックス 348">
          <a:extLst>
            <a:ext uri="{FF2B5EF4-FFF2-40B4-BE49-F238E27FC236}">
              <a16:creationId xmlns:a16="http://schemas.microsoft.com/office/drawing/2014/main" id="{55C401A7-F832-423A-8D31-77158F84B29F}"/>
            </a:ext>
          </a:extLst>
        </xdr:cNvPr>
        <xdr:cNvSpPr txBox="1"/>
      </xdr:nvSpPr>
      <xdr:spPr>
        <a:xfrm>
          <a:off x="5299921" y="175971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50" name="直線コネクタ 349">
          <a:extLst>
            <a:ext uri="{FF2B5EF4-FFF2-40B4-BE49-F238E27FC236}">
              <a16:creationId xmlns:a16="http://schemas.microsoft.com/office/drawing/2014/main" id="{666E8A7D-0B37-4AE9-9D34-67CCC87EA6F3}"/>
            </a:ext>
          </a:extLst>
        </xdr:cNvPr>
        <xdr:cNvCxnSpPr/>
      </xdr:nvCxnSpPr>
      <xdr:spPr>
        <a:xfrm>
          <a:off x="5826760" y="172859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351" name="テキスト ボックス 350">
          <a:extLst>
            <a:ext uri="{FF2B5EF4-FFF2-40B4-BE49-F238E27FC236}">
              <a16:creationId xmlns:a16="http://schemas.microsoft.com/office/drawing/2014/main" id="{39D3249D-CD18-417D-8936-765E0E161955}"/>
            </a:ext>
          </a:extLst>
        </xdr:cNvPr>
        <xdr:cNvSpPr txBox="1"/>
      </xdr:nvSpPr>
      <xdr:spPr>
        <a:xfrm>
          <a:off x="5299921" y="171475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52" name="直線コネクタ 351">
          <a:extLst>
            <a:ext uri="{FF2B5EF4-FFF2-40B4-BE49-F238E27FC236}">
              <a16:creationId xmlns:a16="http://schemas.microsoft.com/office/drawing/2014/main" id="{75146D8F-F5ED-475F-8A06-8C1B9004D2DB}"/>
            </a:ext>
          </a:extLst>
        </xdr:cNvPr>
        <xdr:cNvCxnSpPr/>
      </xdr:nvCxnSpPr>
      <xdr:spPr>
        <a:xfrm>
          <a:off x="5826760" y="16840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353" name="テキスト ボックス 352">
          <a:extLst>
            <a:ext uri="{FF2B5EF4-FFF2-40B4-BE49-F238E27FC236}">
              <a16:creationId xmlns:a16="http://schemas.microsoft.com/office/drawing/2014/main" id="{74EF48B6-4F97-4959-9CAB-1B25B4B97492}"/>
            </a:ext>
          </a:extLst>
        </xdr:cNvPr>
        <xdr:cNvSpPr txBox="1"/>
      </xdr:nvSpPr>
      <xdr:spPr>
        <a:xfrm>
          <a:off x="5299921" y="167017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54" name="直線コネクタ 353">
          <a:extLst>
            <a:ext uri="{FF2B5EF4-FFF2-40B4-BE49-F238E27FC236}">
              <a16:creationId xmlns:a16="http://schemas.microsoft.com/office/drawing/2014/main" id="{F83EDBA4-C931-4A06-B570-0495AA0C255F}"/>
            </a:ext>
          </a:extLst>
        </xdr:cNvPr>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355" name="テキスト ボックス 354">
          <a:extLst>
            <a:ext uri="{FF2B5EF4-FFF2-40B4-BE49-F238E27FC236}">
              <a16:creationId xmlns:a16="http://schemas.microsoft.com/office/drawing/2014/main" id="{B6ADBBFF-F63B-4615-B012-F6090F45A72E}"/>
            </a:ext>
          </a:extLst>
        </xdr:cNvPr>
        <xdr:cNvSpPr txBox="1"/>
      </xdr:nvSpPr>
      <xdr:spPr>
        <a:xfrm>
          <a:off x="5299921" y="162560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56" name="【港湾・漁港】&#10;一人当たり有形固定資産（償却資産）額グラフ枠">
          <a:extLst>
            <a:ext uri="{FF2B5EF4-FFF2-40B4-BE49-F238E27FC236}">
              <a16:creationId xmlns:a16="http://schemas.microsoft.com/office/drawing/2014/main" id="{0ED02BE8-41A5-4FB1-8F49-C1E469E157F2}"/>
            </a:ext>
          </a:extLst>
        </xdr:cNvPr>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52955</xdr:rowOff>
    </xdr:from>
    <xdr:to>
      <xdr:col>54</xdr:col>
      <xdr:colOff>189865</xdr:colOff>
      <xdr:row>108</xdr:row>
      <xdr:rowOff>74225</xdr:rowOff>
    </xdr:to>
    <xdr:cxnSp macro="">
      <xdr:nvCxnSpPr>
        <xdr:cNvPr id="357" name="直線コネクタ 356">
          <a:extLst>
            <a:ext uri="{FF2B5EF4-FFF2-40B4-BE49-F238E27FC236}">
              <a16:creationId xmlns:a16="http://schemas.microsoft.com/office/drawing/2014/main" id="{0D133602-42ED-402B-B34C-DF6E8D89449E}"/>
            </a:ext>
          </a:extLst>
        </xdr:cNvPr>
        <xdr:cNvCxnSpPr/>
      </xdr:nvCxnSpPr>
      <xdr:spPr>
        <a:xfrm flipV="1">
          <a:off x="9219565" y="16749315"/>
          <a:ext cx="0" cy="1430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8052</xdr:rowOff>
    </xdr:from>
    <xdr:ext cx="378565" cy="259045"/>
    <xdr:sp macro="" textlink="">
      <xdr:nvSpPr>
        <xdr:cNvPr id="358" name="【港湾・漁港】&#10;一人当たり有形固定資産（償却資産）額最小値テキスト">
          <a:extLst>
            <a:ext uri="{FF2B5EF4-FFF2-40B4-BE49-F238E27FC236}">
              <a16:creationId xmlns:a16="http://schemas.microsoft.com/office/drawing/2014/main" id="{EECE14D5-93F8-411B-8276-1F0AB564D004}"/>
            </a:ext>
          </a:extLst>
        </xdr:cNvPr>
        <xdr:cNvSpPr txBox="1"/>
      </xdr:nvSpPr>
      <xdr:spPr>
        <a:xfrm>
          <a:off x="9258300" y="181831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225</xdr:rowOff>
    </xdr:from>
    <xdr:to>
      <xdr:col>55</xdr:col>
      <xdr:colOff>88900</xdr:colOff>
      <xdr:row>108</xdr:row>
      <xdr:rowOff>74225</xdr:rowOff>
    </xdr:to>
    <xdr:cxnSp macro="">
      <xdr:nvCxnSpPr>
        <xdr:cNvPr id="359" name="直線コネクタ 358">
          <a:extLst>
            <a:ext uri="{FF2B5EF4-FFF2-40B4-BE49-F238E27FC236}">
              <a16:creationId xmlns:a16="http://schemas.microsoft.com/office/drawing/2014/main" id="{22F859A7-D22E-4ADD-A7DE-2C2172699226}"/>
            </a:ext>
          </a:extLst>
        </xdr:cNvPr>
        <xdr:cNvCxnSpPr/>
      </xdr:nvCxnSpPr>
      <xdr:spPr>
        <a:xfrm>
          <a:off x="9154160" y="1817934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99632</xdr:rowOff>
    </xdr:from>
    <xdr:ext cx="599010" cy="259045"/>
    <xdr:sp macro="" textlink="">
      <xdr:nvSpPr>
        <xdr:cNvPr id="360" name="【港湾・漁港】&#10;一人当たり有形固定資産（償却資産）額最大値テキスト">
          <a:extLst>
            <a:ext uri="{FF2B5EF4-FFF2-40B4-BE49-F238E27FC236}">
              <a16:creationId xmlns:a16="http://schemas.microsoft.com/office/drawing/2014/main" id="{F7B52AD6-6E1A-44B8-B597-739ED6CC1DB5}"/>
            </a:ext>
          </a:extLst>
        </xdr:cNvPr>
        <xdr:cNvSpPr txBox="1"/>
      </xdr:nvSpPr>
      <xdr:spPr>
        <a:xfrm>
          <a:off x="9258300" y="165283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7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52955</xdr:rowOff>
    </xdr:from>
    <xdr:to>
      <xdr:col>55</xdr:col>
      <xdr:colOff>88900</xdr:colOff>
      <xdr:row>99</xdr:row>
      <xdr:rowOff>152955</xdr:rowOff>
    </xdr:to>
    <xdr:cxnSp macro="">
      <xdr:nvCxnSpPr>
        <xdr:cNvPr id="361" name="直線コネクタ 360">
          <a:extLst>
            <a:ext uri="{FF2B5EF4-FFF2-40B4-BE49-F238E27FC236}">
              <a16:creationId xmlns:a16="http://schemas.microsoft.com/office/drawing/2014/main" id="{FFDA54CB-1685-4294-B187-8093D9A439F9}"/>
            </a:ext>
          </a:extLst>
        </xdr:cNvPr>
        <xdr:cNvCxnSpPr/>
      </xdr:nvCxnSpPr>
      <xdr:spPr>
        <a:xfrm>
          <a:off x="9154160" y="1674931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4701</xdr:rowOff>
    </xdr:from>
    <xdr:ext cx="534377" cy="259045"/>
    <xdr:sp macro="" textlink="">
      <xdr:nvSpPr>
        <xdr:cNvPr id="362" name="【港湾・漁港】&#10;一人当たり有形固定資産（償却資産）額平均値テキスト">
          <a:extLst>
            <a:ext uri="{FF2B5EF4-FFF2-40B4-BE49-F238E27FC236}">
              <a16:creationId xmlns:a16="http://schemas.microsoft.com/office/drawing/2014/main" id="{738AE39C-0A2C-431B-851A-0870980CD7D4}"/>
            </a:ext>
          </a:extLst>
        </xdr:cNvPr>
        <xdr:cNvSpPr txBox="1"/>
      </xdr:nvSpPr>
      <xdr:spPr>
        <a:xfrm>
          <a:off x="9258300" y="17616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63274</xdr:rowOff>
    </xdr:from>
    <xdr:to>
      <xdr:col>55</xdr:col>
      <xdr:colOff>50800</xdr:colOff>
      <xdr:row>106</xdr:row>
      <xdr:rowOff>93424</xdr:rowOff>
    </xdr:to>
    <xdr:sp macro="" textlink="">
      <xdr:nvSpPr>
        <xdr:cNvPr id="363" name="フローチャート: 判断 362">
          <a:extLst>
            <a:ext uri="{FF2B5EF4-FFF2-40B4-BE49-F238E27FC236}">
              <a16:creationId xmlns:a16="http://schemas.microsoft.com/office/drawing/2014/main" id="{E3AF0DE0-EE4F-4A0C-BF1C-8AD93CEC4691}"/>
            </a:ext>
          </a:extLst>
        </xdr:cNvPr>
        <xdr:cNvSpPr/>
      </xdr:nvSpPr>
      <xdr:spPr>
        <a:xfrm>
          <a:off x="9192260" y="1776547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64027</xdr:rowOff>
    </xdr:from>
    <xdr:to>
      <xdr:col>50</xdr:col>
      <xdr:colOff>165100</xdr:colOff>
      <xdr:row>106</xdr:row>
      <xdr:rowOff>94177</xdr:rowOff>
    </xdr:to>
    <xdr:sp macro="" textlink="">
      <xdr:nvSpPr>
        <xdr:cNvPr id="364" name="フローチャート: 判断 363">
          <a:extLst>
            <a:ext uri="{FF2B5EF4-FFF2-40B4-BE49-F238E27FC236}">
              <a16:creationId xmlns:a16="http://schemas.microsoft.com/office/drawing/2014/main" id="{BBBF80F1-CDB8-4C93-BE1D-902554B7CEBE}"/>
            </a:ext>
          </a:extLst>
        </xdr:cNvPr>
        <xdr:cNvSpPr/>
      </xdr:nvSpPr>
      <xdr:spPr>
        <a:xfrm>
          <a:off x="8445500" y="177662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78499</xdr:rowOff>
    </xdr:from>
    <xdr:to>
      <xdr:col>46</xdr:col>
      <xdr:colOff>38100</xdr:colOff>
      <xdr:row>106</xdr:row>
      <xdr:rowOff>8649</xdr:rowOff>
    </xdr:to>
    <xdr:sp macro="" textlink="">
      <xdr:nvSpPr>
        <xdr:cNvPr id="365" name="フローチャート: 判断 364">
          <a:extLst>
            <a:ext uri="{FF2B5EF4-FFF2-40B4-BE49-F238E27FC236}">
              <a16:creationId xmlns:a16="http://schemas.microsoft.com/office/drawing/2014/main" id="{783D8B49-FA78-4D2F-B051-20185A8DA96A}"/>
            </a:ext>
          </a:extLst>
        </xdr:cNvPr>
        <xdr:cNvSpPr/>
      </xdr:nvSpPr>
      <xdr:spPr>
        <a:xfrm>
          <a:off x="7670800" y="1768069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69675</xdr:rowOff>
    </xdr:from>
    <xdr:to>
      <xdr:col>41</xdr:col>
      <xdr:colOff>101600</xdr:colOff>
      <xdr:row>105</xdr:row>
      <xdr:rowOff>171275</xdr:rowOff>
    </xdr:to>
    <xdr:sp macro="" textlink="">
      <xdr:nvSpPr>
        <xdr:cNvPr id="366" name="フローチャート: 判断 365">
          <a:extLst>
            <a:ext uri="{FF2B5EF4-FFF2-40B4-BE49-F238E27FC236}">
              <a16:creationId xmlns:a16="http://schemas.microsoft.com/office/drawing/2014/main" id="{B98BBD39-821C-4ADB-B532-911D6F6F940B}"/>
            </a:ext>
          </a:extLst>
        </xdr:cNvPr>
        <xdr:cNvSpPr/>
      </xdr:nvSpPr>
      <xdr:spPr>
        <a:xfrm>
          <a:off x="6873240" y="17671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19999</xdr:rowOff>
    </xdr:from>
    <xdr:to>
      <xdr:col>36</xdr:col>
      <xdr:colOff>165100</xdr:colOff>
      <xdr:row>106</xdr:row>
      <xdr:rowOff>50149</xdr:rowOff>
    </xdr:to>
    <xdr:sp macro="" textlink="">
      <xdr:nvSpPr>
        <xdr:cNvPr id="367" name="フローチャート: 判断 366">
          <a:extLst>
            <a:ext uri="{FF2B5EF4-FFF2-40B4-BE49-F238E27FC236}">
              <a16:creationId xmlns:a16="http://schemas.microsoft.com/office/drawing/2014/main" id="{0311A9CE-D6AD-4ED9-BBD2-33A750BF6BE5}"/>
            </a:ext>
          </a:extLst>
        </xdr:cNvPr>
        <xdr:cNvSpPr/>
      </xdr:nvSpPr>
      <xdr:spPr>
        <a:xfrm>
          <a:off x="6098540" y="1772219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68" name="テキスト ボックス 367">
          <a:extLst>
            <a:ext uri="{FF2B5EF4-FFF2-40B4-BE49-F238E27FC236}">
              <a16:creationId xmlns:a16="http://schemas.microsoft.com/office/drawing/2014/main" id="{CAF8B36C-29F0-4E72-AC68-F8AE4DE9D209}"/>
            </a:ext>
          </a:extLst>
        </xdr:cNvPr>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69" name="テキスト ボックス 368">
          <a:extLst>
            <a:ext uri="{FF2B5EF4-FFF2-40B4-BE49-F238E27FC236}">
              <a16:creationId xmlns:a16="http://schemas.microsoft.com/office/drawing/2014/main" id="{28438A1E-881C-4ADA-B31E-38B6FA3CA03A}"/>
            </a:ext>
          </a:extLst>
        </xdr:cNvPr>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0" name="テキスト ボックス 369">
          <a:extLst>
            <a:ext uri="{FF2B5EF4-FFF2-40B4-BE49-F238E27FC236}">
              <a16:creationId xmlns:a16="http://schemas.microsoft.com/office/drawing/2014/main" id="{45E9C39B-6A8E-4DAD-91B6-CE63EA8B5EF7}"/>
            </a:ext>
          </a:extLst>
        </xdr:cNvPr>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1" name="テキスト ボックス 370">
          <a:extLst>
            <a:ext uri="{FF2B5EF4-FFF2-40B4-BE49-F238E27FC236}">
              <a16:creationId xmlns:a16="http://schemas.microsoft.com/office/drawing/2014/main" id="{D001F118-B2C0-4191-868D-50660733386B}"/>
            </a:ext>
          </a:extLst>
        </xdr:cNvPr>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2" name="テキスト ボックス 371">
          <a:extLst>
            <a:ext uri="{FF2B5EF4-FFF2-40B4-BE49-F238E27FC236}">
              <a16:creationId xmlns:a16="http://schemas.microsoft.com/office/drawing/2014/main" id="{021096B5-898F-4A8B-B673-488986688C37}"/>
            </a:ext>
          </a:extLst>
        </xdr:cNvPr>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86486</xdr:rowOff>
    </xdr:from>
    <xdr:to>
      <xdr:col>55</xdr:col>
      <xdr:colOff>50800</xdr:colOff>
      <xdr:row>108</xdr:row>
      <xdr:rowOff>16636</xdr:rowOff>
    </xdr:to>
    <xdr:sp macro="" textlink="">
      <xdr:nvSpPr>
        <xdr:cNvPr id="373" name="楕円 372">
          <a:extLst>
            <a:ext uri="{FF2B5EF4-FFF2-40B4-BE49-F238E27FC236}">
              <a16:creationId xmlns:a16="http://schemas.microsoft.com/office/drawing/2014/main" id="{DA6A536F-3DAC-4784-8091-C931274AFB25}"/>
            </a:ext>
          </a:extLst>
        </xdr:cNvPr>
        <xdr:cNvSpPr/>
      </xdr:nvSpPr>
      <xdr:spPr>
        <a:xfrm>
          <a:off x="9192260" y="1802396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413</xdr:rowOff>
    </xdr:from>
    <xdr:ext cx="534377" cy="259045"/>
    <xdr:sp macro="" textlink="">
      <xdr:nvSpPr>
        <xdr:cNvPr id="374" name="【港湾・漁港】&#10;一人当たり有形固定資産（償却資産）額該当値テキスト">
          <a:extLst>
            <a:ext uri="{FF2B5EF4-FFF2-40B4-BE49-F238E27FC236}">
              <a16:creationId xmlns:a16="http://schemas.microsoft.com/office/drawing/2014/main" id="{40B23B51-1CB3-4B02-B008-B4FF36CEE654}"/>
            </a:ext>
          </a:extLst>
        </xdr:cNvPr>
        <xdr:cNvSpPr txBox="1"/>
      </xdr:nvSpPr>
      <xdr:spPr>
        <a:xfrm>
          <a:off x="9258300" y="17938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87497</xdr:rowOff>
    </xdr:from>
    <xdr:to>
      <xdr:col>50</xdr:col>
      <xdr:colOff>165100</xdr:colOff>
      <xdr:row>108</xdr:row>
      <xdr:rowOff>17647</xdr:rowOff>
    </xdr:to>
    <xdr:sp macro="" textlink="">
      <xdr:nvSpPr>
        <xdr:cNvPr id="375" name="楕円 374">
          <a:extLst>
            <a:ext uri="{FF2B5EF4-FFF2-40B4-BE49-F238E27FC236}">
              <a16:creationId xmlns:a16="http://schemas.microsoft.com/office/drawing/2014/main" id="{71914C4C-0D84-401D-9CD0-47357F3E0943}"/>
            </a:ext>
          </a:extLst>
        </xdr:cNvPr>
        <xdr:cNvSpPr/>
      </xdr:nvSpPr>
      <xdr:spPr>
        <a:xfrm>
          <a:off x="8445500" y="1802497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37286</xdr:rowOff>
    </xdr:from>
    <xdr:to>
      <xdr:col>55</xdr:col>
      <xdr:colOff>0</xdr:colOff>
      <xdr:row>107</xdr:row>
      <xdr:rowOff>138297</xdr:rowOff>
    </xdr:to>
    <xdr:cxnSp macro="">
      <xdr:nvCxnSpPr>
        <xdr:cNvPr id="376" name="直線コネクタ 375">
          <a:extLst>
            <a:ext uri="{FF2B5EF4-FFF2-40B4-BE49-F238E27FC236}">
              <a16:creationId xmlns:a16="http://schemas.microsoft.com/office/drawing/2014/main" id="{0C353A77-5272-42B5-B51F-B9E54BC1B7FB}"/>
            </a:ext>
          </a:extLst>
        </xdr:cNvPr>
        <xdr:cNvCxnSpPr/>
      </xdr:nvCxnSpPr>
      <xdr:spPr>
        <a:xfrm flipV="1">
          <a:off x="8496300" y="18074766"/>
          <a:ext cx="723900" cy="1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88032</xdr:rowOff>
    </xdr:from>
    <xdr:to>
      <xdr:col>46</xdr:col>
      <xdr:colOff>38100</xdr:colOff>
      <xdr:row>108</xdr:row>
      <xdr:rowOff>18182</xdr:rowOff>
    </xdr:to>
    <xdr:sp macro="" textlink="">
      <xdr:nvSpPr>
        <xdr:cNvPr id="377" name="楕円 376">
          <a:extLst>
            <a:ext uri="{FF2B5EF4-FFF2-40B4-BE49-F238E27FC236}">
              <a16:creationId xmlns:a16="http://schemas.microsoft.com/office/drawing/2014/main" id="{5EA0FF60-DA82-46F8-8126-1141378ABC25}"/>
            </a:ext>
          </a:extLst>
        </xdr:cNvPr>
        <xdr:cNvSpPr/>
      </xdr:nvSpPr>
      <xdr:spPr>
        <a:xfrm>
          <a:off x="7670800" y="1802551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38297</xdr:rowOff>
    </xdr:from>
    <xdr:to>
      <xdr:col>50</xdr:col>
      <xdr:colOff>114300</xdr:colOff>
      <xdr:row>107</xdr:row>
      <xdr:rowOff>138832</xdr:rowOff>
    </xdr:to>
    <xdr:cxnSp macro="">
      <xdr:nvCxnSpPr>
        <xdr:cNvPr id="378" name="直線コネクタ 377">
          <a:extLst>
            <a:ext uri="{FF2B5EF4-FFF2-40B4-BE49-F238E27FC236}">
              <a16:creationId xmlns:a16="http://schemas.microsoft.com/office/drawing/2014/main" id="{221E9361-21E4-4FA9-B8F3-13AFA06AE514}"/>
            </a:ext>
          </a:extLst>
        </xdr:cNvPr>
        <xdr:cNvCxnSpPr/>
      </xdr:nvCxnSpPr>
      <xdr:spPr>
        <a:xfrm flipV="1">
          <a:off x="7713980" y="18075777"/>
          <a:ext cx="782320" cy="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89174</xdr:rowOff>
    </xdr:from>
    <xdr:to>
      <xdr:col>41</xdr:col>
      <xdr:colOff>101600</xdr:colOff>
      <xdr:row>108</xdr:row>
      <xdr:rowOff>19324</xdr:rowOff>
    </xdr:to>
    <xdr:sp macro="" textlink="">
      <xdr:nvSpPr>
        <xdr:cNvPr id="379" name="楕円 378">
          <a:extLst>
            <a:ext uri="{FF2B5EF4-FFF2-40B4-BE49-F238E27FC236}">
              <a16:creationId xmlns:a16="http://schemas.microsoft.com/office/drawing/2014/main" id="{786010C9-8CFD-452A-8011-002D30372FD5}"/>
            </a:ext>
          </a:extLst>
        </xdr:cNvPr>
        <xdr:cNvSpPr/>
      </xdr:nvSpPr>
      <xdr:spPr>
        <a:xfrm>
          <a:off x="6873240" y="1802665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38832</xdr:rowOff>
    </xdr:from>
    <xdr:to>
      <xdr:col>45</xdr:col>
      <xdr:colOff>177800</xdr:colOff>
      <xdr:row>107</xdr:row>
      <xdr:rowOff>139974</xdr:rowOff>
    </xdr:to>
    <xdr:cxnSp macro="">
      <xdr:nvCxnSpPr>
        <xdr:cNvPr id="380" name="直線コネクタ 379">
          <a:extLst>
            <a:ext uri="{FF2B5EF4-FFF2-40B4-BE49-F238E27FC236}">
              <a16:creationId xmlns:a16="http://schemas.microsoft.com/office/drawing/2014/main" id="{34369D5A-9E0F-4074-B334-F6BC4F0AA9E6}"/>
            </a:ext>
          </a:extLst>
        </xdr:cNvPr>
        <xdr:cNvCxnSpPr/>
      </xdr:nvCxnSpPr>
      <xdr:spPr>
        <a:xfrm flipV="1">
          <a:off x="6924040" y="18076312"/>
          <a:ext cx="78994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90844</xdr:rowOff>
    </xdr:from>
    <xdr:to>
      <xdr:col>36</xdr:col>
      <xdr:colOff>165100</xdr:colOff>
      <xdr:row>108</xdr:row>
      <xdr:rowOff>20994</xdr:rowOff>
    </xdr:to>
    <xdr:sp macro="" textlink="">
      <xdr:nvSpPr>
        <xdr:cNvPr id="381" name="楕円 380">
          <a:extLst>
            <a:ext uri="{FF2B5EF4-FFF2-40B4-BE49-F238E27FC236}">
              <a16:creationId xmlns:a16="http://schemas.microsoft.com/office/drawing/2014/main" id="{2DFEDC2F-8500-4AEA-8086-A90C9AEB558E}"/>
            </a:ext>
          </a:extLst>
        </xdr:cNvPr>
        <xdr:cNvSpPr/>
      </xdr:nvSpPr>
      <xdr:spPr>
        <a:xfrm>
          <a:off x="6098540" y="1802832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39974</xdr:rowOff>
    </xdr:from>
    <xdr:to>
      <xdr:col>41</xdr:col>
      <xdr:colOff>50800</xdr:colOff>
      <xdr:row>107</xdr:row>
      <xdr:rowOff>141644</xdr:rowOff>
    </xdr:to>
    <xdr:cxnSp macro="">
      <xdr:nvCxnSpPr>
        <xdr:cNvPr id="382" name="直線コネクタ 381">
          <a:extLst>
            <a:ext uri="{FF2B5EF4-FFF2-40B4-BE49-F238E27FC236}">
              <a16:creationId xmlns:a16="http://schemas.microsoft.com/office/drawing/2014/main" id="{383A87CD-1C80-4ABA-897E-3534E7B828CF}"/>
            </a:ext>
          </a:extLst>
        </xdr:cNvPr>
        <xdr:cNvCxnSpPr/>
      </xdr:nvCxnSpPr>
      <xdr:spPr>
        <a:xfrm flipV="1">
          <a:off x="6149340" y="18077454"/>
          <a:ext cx="774700" cy="1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110704</xdr:rowOff>
    </xdr:from>
    <xdr:ext cx="534377" cy="259045"/>
    <xdr:sp macro="" textlink="">
      <xdr:nvSpPr>
        <xdr:cNvPr id="383" name="n_1aveValue【港湾・漁港】&#10;一人当たり有形固定資産（償却資産）額">
          <a:extLst>
            <a:ext uri="{FF2B5EF4-FFF2-40B4-BE49-F238E27FC236}">
              <a16:creationId xmlns:a16="http://schemas.microsoft.com/office/drawing/2014/main" id="{50D13D60-F963-418F-8635-66CE33CEB16F}"/>
            </a:ext>
          </a:extLst>
        </xdr:cNvPr>
        <xdr:cNvSpPr txBox="1"/>
      </xdr:nvSpPr>
      <xdr:spPr>
        <a:xfrm>
          <a:off x="8239271" y="17545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4</xdr:row>
      <xdr:rowOff>25176</xdr:rowOff>
    </xdr:from>
    <xdr:ext cx="599010" cy="259045"/>
    <xdr:sp macro="" textlink="">
      <xdr:nvSpPr>
        <xdr:cNvPr id="384" name="n_2aveValue【港湾・漁港】&#10;一人当たり有形固定資産（償却資産）額">
          <a:extLst>
            <a:ext uri="{FF2B5EF4-FFF2-40B4-BE49-F238E27FC236}">
              <a16:creationId xmlns:a16="http://schemas.microsoft.com/office/drawing/2014/main" id="{256525CC-723C-4D0B-915F-7B0C9401FDF4}"/>
            </a:ext>
          </a:extLst>
        </xdr:cNvPr>
        <xdr:cNvSpPr txBox="1"/>
      </xdr:nvSpPr>
      <xdr:spPr>
        <a:xfrm>
          <a:off x="7444955" y="174597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4</xdr:row>
      <xdr:rowOff>16352</xdr:rowOff>
    </xdr:from>
    <xdr:ext cx="599010" cy="259045"/>
    <xdr:sp macro="" textlink="">
      <xdr:nvSpPr>
        <xdr:cNvPr id="385" name="n_3aveValue【港湾・漁港】&#10;一人当たり有形固定資産（償却資産）額">
          <a:extLst>
            <a:ext uri="{FF2B5EF4-FFF2-40B4-BE49-F238E27FC236}">
              <a16:creationId xmlns:a16="http://schemas.microsoft.com/office/drawing/2014/main" id="{91DFB87C-926C-40D3-B318-111366FA0731}"/>
            </a:ext>
          </a:extLst>
        </xdr:cNvPr>
        <xdr:cNvSpPr txBox="1"/>
      </xdr:nvSpPr>
      <xdr:spPr>
        <a:xfrm>
          <a:off x="6670255" y="17450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4</xdr:row>
      <xdr:rowOff>66676</xdr:rowOff>
    </xdr:from>
    <xdr:ext cx="534377" cy="259045"/>
    <xdr:sp macro="" textlink="">
      <xdr:nvSpPr>
        <xdr:cNvPr id="386" name="n_4aveValue【港湾・漁港】&#10;一人当たり有形固定資産（償却資産）額">
          <a:extLst>
            <a:ext uri="{FF2B5EF4-FFF2-40B4-BE49-F238E27FC236}">
              <a16:creationId xmlns:a16="http://schemas.microsoft.com/office/drawing/2014/main" id="{CAC63F31-B97F-40A5-9121-8521249C061C}"/>
            </a:ext>
          </a:extLst>
        </xdr:cNvPr>
        <xdr:cNvSpPr txBox="1"/>
      </xdr:nvSpPr>
      <xdr:spPr>
        <a:xfrm>
          <a:off x="5905011" y="17501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8</xdr:row>
      <xdr:rowOff>8774</xdr:rowOff>
    </xdr:from>
    <xdr:ext cx="534377" cy="259045"/>
    <xdr:sp macro="" textlink="">
      <xdr:nvSpPr>
        <xdr:cNvPr id="387" name="n_1mainValue【港湾・漁港】&#10;一人当たり有形固定資産（償却資産）額">
          <a:extLst>
            <a:ext uri="{FF2B5EF4-FFF2-40B4-BE49-F238E27FC236}">
              <a16:creationId xmlns:a16="http://schemas.microsoft.com/office/drawing/2014/main" id="{D56E93F4-29ED-49B7-B93B-E3DCEF18DBA6}"/>
            </a:ext>
          </a:extLst>
        </xdr:cNvPr>
        <xdr:cNvSpPr txBox="1"/>
      </xdr:nvSpPr>
      <xdr:spPr>
        <a:xfrm>
          <a:off x="8239271" y="18113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9309</xdr:rowOff>
    </xdr:from>
    <xdr:ext cx="534377" cy="259045"/>
    <xdr:sp macro="" textlink="">
      <xdr:nvSpPr>
        <xdr:cNvPr id="388" name="n_2mainValue【港湾・漁港】&#10;一人当たり有形固定資産（償却資産）額">
          <a:extLst>
            <a:ext uri="{FF2B5EF4-FFF2-40B4-BE49-F238E27FC236}">
              <a16:creationId xmlns:a16="http://schemas.microsoft.com/office/drawing/2014/main" id="{EC027A85-3B0B-44B8-B60F-27FB9586C348}"/>
            </a:ext>
          </a:extLst>
        </xdr:cNvPr>
        <xdr:cNvSpPr txBox="1"/>
      </xdr:nvSpPr>
      <xdr:spPr>
        <a:xfrm>
          <a:off x="7477271" y="18114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8</xdr:row>
      <xdr:rowOff>10451</xdr:rowOff>
    </xdr:from>
    <xdr:ext cx="534377" cy="259045"/>
    <xdr:sp macro="" textlink="">
      <xdr:nvSpPr>
        <xdr:cNvPr id="389" name="n_3mainValue【港湾・漁港】&#10;一人当たり有形固定資産（償却資産）額">
          <a:extLst>
            <a:ext uri="{FF2B5EF4-FFF2-40B4-BE49-F238E27FC236}">
              <a16:creationId xmlns:a16="http://schemas.microsoft.com/office/drawing/2014/main" id="{670F8B63-BBA1-4529-A1ED-BCD754B221BE}"/>
            </a:ext>
          </a:extLst>
        </xdr:cNvPr>
        <xdr:cNvSpPr txBox="1"/>
      </xdr:nvSpPr>
      <xdr:spPr>
        <a:xfrm>
          <a:off x="6702571" y="18115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8</xdr:row>
      <xdr:rowOff>12121</xdr:rowOff>
    </xdr:from>
    <xdr:ext cx="534377" cy="259045"/>
    <xdr:sp macro="" textlink="">
      <xdr:nvSpPr>
        <xdr:cNvPr id="390" name="n_4mainValue【港湾・漁港】&#10;一人当たり有形固定資産（償却資産）額">
          <a:extLst>
            <a:ext uri="{FF2B5EF4-FFF2-40B4-BE49-F238E27FC236}">
              <a16:creationId xmlns:a16="http://schemas.microsoft.com/office/drawing/2014/main" id="{7D8BB5F8-E0D7-4EA7-B640-57AE8B77AF7E}"/>
            </a:ext>
          </a:extLst>
        </xdr:cNvPr>
        <xdr:cNvSpPr txBox="1"/>
      </xdr:nvSpPr>
      <xdr:spPr>
        <a:xfrm>
          <a:off x="5905011" y="18117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1" name="正方形/長方形 390">
          <a:extLst>
            <a:ext uri="{FF2B5EF4-FFF2-40B4-BE49-F238E27FC236}">
              <a16:creationId xmlns:a16="http://schemas.microsoft.com/office/drawing/2014/main" id="{75C16A0A-6D21-4875-A8C5-17F15070940A}"/>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2" name="正方形/長方形 391">
          <a:extLst>
            <a:ext uri="{FF2B5EF4-FFF2-40B4-BE49-F238E27FC236}">
              <a16:creationId xmlns:a16="http://schemas.microsoft.com/office/drawing/2014/main" id="{1E3942CB-6C40-495A-840E-0239FC7FBD2B}"/>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3" name="正方形/長方形 392">
          <a:extLst>
            <a:ext uri="{FF2B5EF4-FFF2-40B4-BE49-F238E27FC236}">
              <a16:creationId xmlns:a16="http://schemas.microsoft.com/office/drawing/2014/main" id="{FBE1C66A-2CD8-42A1-B8C0-A5E932F40BCF}"/>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4" name="正方形/長方形 393">
          <a:extLst>
            <a:ext uri="{FF2B5EF4-FFF2-40B4-BE49-F238E27FC236}">
              <a16:creationId xmlns:a16="http://schemas.microsoft.com/office/drawing/2014/main" id="{91B8CF35-ED23-445B-93A0-F52C57678AFC}"/>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5" name="正方形/長方形 394">
          <a:extLst>
            <a:ext uri="{FF2B5EF4-FFF2-40B4-BE49-F238E27FC236}">
              <a16:creationId xmlns:a16="http://schemas.microsoft.com/office/drawing/2014/main" id="{8895D029-70A9-4F09-AD5E-B6C1935CDE43}"/>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6" name="正方形/長方形 395">
          <a:extLst>
            <a:ext uri="{FF2B5EF4-FFF2-40B4-BE49-F238E27FC236}">
              <a16:creationId xmlns:a16="http://schemas.microsoft.com/office/drawing/2014/main" id="{0AD72CBD-4FFC-401E-9F15-9CE61A0A336E}"/>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7" name="正方形/長方形 396">
          <a:extLst>
            <a:ext uri="{FF2B5EF4-FFF2-40B4-BE49-F238E27FC236}">
              <a16:creationId xmlns:a16="http://schemas.microsoft.com/office/drawing/2014/main" id="{05AAEFF1-430D-4361-BB10-447E0B94CEFF}"/>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8" name="正方形/長方形 397">
          <a:extLst>
            <a:ext uri="{FF2B5EF4-FFF2-40B4-BE49-F238E27FC236}">
              <a16:creationId xmlns:a16="http://schemas.microsoft.com/office/drawing/2014/main" id="{72D583F0-CCB1-46C8-B503-18384E280690}"/>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9" name="テキスト ボックス 398">
          <a:extLst>
            <a:ext uri="{FF2B5EF4-FFF2-40B4-BE49-F238E27FC236}">
              <a16:creationId xmlns:a16="http://schemas.microsoft.com/office/drawing/2014/main" id="{9C74C747-C48A-4BBD-828D-63E6F8795029}"/>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0" name="直線コネクタ 399">
          <a:extLst>
            <a:ext uri="{FF2B5EF4-FFF2-40B4-BE49-F238E27FC236}">
              <a16:creationId xmlns:a16="http://schemas.microsoft.com/office/drawing/2014/main" id="{308FA05B-AA4D-4398-95E7-ABE5CF3561B9}"/>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1" name="テキスト ボックス 400">
          <a:extLst>
            <a:ext uri="{FF2B5EF4-FFF2-40B4-BE49-F238E27FC236}">
              <a16:creationId xmlns:a16="http://schemas.microsoft.com/office/drawing/2014/main" id="{55BAF742-A17E-47B7-AF88-94BAA1C07A93}"/>
            </a:ext>
          </a:extLst>
        </xdr:cNvPr>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2" name="直線コネクタ 401">
          <a:extLst>
            <a:ext uri="{FF2B5EF4-FFF2-40B4-BE49-F238E27FC236}">
              <a16:creationId xmlns:a16="http://schemas.microsoft.com/office/drawing/2014/main" id="{F329F3EA-A1B6-4101-8E22-ACC0B2BF6040}"/>
            </a:ext>
          </a:extLst>
        </xdr:cNvPr>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3" name="テキスト ボックス 402">
          <a:extLst>
            <a:ext uri="{FF2B5EF4-FFF2-40B4-BE49-F238E27FC236}">
              <a16:creationId xmlns:a16="http://schemas.microsoft.com/office/drawing/2014/main" id="{7E791958-1573-405B-A196-11CE529A8746}"/>
            </a:ext>
          </a:extLst>
        </xdr:cNvPr>
        <xdr:cNvSpPr txBox="1"/>
      </xdr:nvSpPr>
      <xdr:spPr>
        <a:xfrm>
          <a:off x="1056150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4" name="直線コネクタ 403">
          <a:extLst>
            <a:ext uri="{FF2B5EF4-FFF2-40B4-BE49-F238E27FC236}">
              <a16:creationId xmlns:a16="http://schemas.microsoft.com/office/drawing/2014/main" id="{F153C16B-7C33-4E9F-85F2-C601303F0F4F}"/>
            </a:ext>
          </a:extLst>
        </xdr:cNvPr>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5" name="テキスト ボックス 404">
          <a:extLst>
            <a:ext uri="{FF2B5EF4-FFF2-40B4-BE49-F238E27FC236}">
              <a16:creationId xmlns:a16="http://schemas.microsoft.com/office/drawing/2014/main" id="{E13EA86F-BE13-4508-B629-B65DE33D4318}"/>
            </a:ext>
          </a:extLst>
        </xdr:cNvPr>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6" name="直線コネクタ 405">
          <a:extLst>
            <a:ext uri="{FF2B5EF4-FFF2-40B4-BE49-F238E27FC236}">
              <a16:creationId xmlns:a16="http://schemas.microsoft.com/office/drawing/2014/main" id="{93D58A39-283A-4C47-BB14-75665E4533D5}"/>
            </a:ext>
          </a:extLst>
        </xdr:cNvPr>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7" name="テキスト ボックス 406">
          <a:extLst>
            <a:ext uri="{FF2B5EF4-FFF2-40B4-BE49-F238E27FC236}">
              <a16:creationId xmlns:a16="http://schemas.microsoft.com/office/drawing/2014/main" id="{3E1D108A-4A49-46B0-975B-E2B88339DFD7}"/>
            </a:ext>
          </a:extLst>
        </xdr:cNvPr>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8" name="直線コネクタ 407">
          <a:extLst>
            <a:ext uri="{FF2B5EF4-FFF2-40B4-BE49-F238E27FC236}">
              <a16:creationId xmlns:a16="http://schemas.microsoft.com/office/drawing/2014/main" id="{750363B3-450F-4722-89ED-70999F57FB3F}"/>
            </a:ext>
          </a:extLst>
        </xdr:cNvPr>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09" name="テキスト ボックス 408">
          <a:extLst>
            <a:ext uri="{FF2B5EF4-FFF2-40B4-BE49-F238E27FC236}">
              <a16:creationId xmlns:a16="http://schemas.microsoft.com/office/drawing/2014/main" id="{2CE20F78-85C6-4C32-A965-6C7D91105339}"/>
            </a:ext>
          </a:extLst>
        </xdr:cNvPr>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0" name="直線コネクタ 409">
          <a:extLst>
            <a:ext uri="{FF2B5EF4-FFF2-40B4-BE49-F238E27FC236}">
              <a16:creationId xmlns:a16="http://schemas.microsoft.com/office/drawing/2014/main" id="{EFCBA2F1-AA92-4839-92DA-3F0292FB1303}"/>
            </a:ext>
          </a:extLst>
        </xdr:cNvPr>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1" name="テキスト ボックス 410">
          <a:extLst>
            <a:ext uri="{FF2B5EF4-FFF2-40B4-BE49-F238E27FC236}">
              <a16:creationId xmlns:a16="http://schemas.microsoft.com/office/drawing/2014/main" id="{70A4AE33-C121-4576-8347-BF8DA88971F7}"/>
            </a:ext>
          </a:extLst>
        </xdr:cNvPr>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2" name="直線コネクタ 411">
          <a:extLst>
            <a:ext uri="{FF2B5EF4-FFF2-40B4-BE49-F238E27FC236}">
              <a16:creationId xmlns:a16="http://schemas.microsoft.com/office/drawing/2014/main" id="{BF826122-91C1-408E-B56E-9FD51E66190D}"/>
            </a:ext>
          </a:extLst>
        </xdr:cNvPr>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3" name="テキスト ボックス 412">
          <a:extLst>
            <a:ext uri="{FF2B5EF4-FFF2-40B4-BE49-F238E27FC236}">
              <a16:creationId xmlns:a16="http://schemas.microsoft.com/office/drawing/2014/main" id="{1245B9F4-00D5-4FD9-88B0-B59E3B1E0671}"/>
            </a:ext>
          </a:extLst>
        </xdr:cNvPr>
        <xdr:cNvSpPr txBox="1"/>
      </xdr:nvSpPr>
      <xdr:spPr>
        <a:xfrm>
          <a:off x="1066688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4" name="直線コネクタ 413">
          <a:extLst>
            <a:ext uri="{FF2B5EF4-FFF2-40B4-BE49-F238E27FC236}">
              <a16:creationId xmlns:a16="http://schemas.microsoft.com/office/drawing/2014/main" id="{BA4B54F5-6923-4047-B9BA-FA348C5E3CF8}"/>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a:extLst>
            <a:ext uri="{FF2B5EF4-FFF2-40B4-BE49-F238E27FC236}">
              <a16:creationId xmlns:a16="http://schemas.microsoft.com/office/drawing/2014/main" id="{E421988B-C102-40C6-A152-E7670B8451AF}"/>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52944</xdr:rowOff>
    </xdr:from>
    <xdr:to>
      <xdr:col>85</xdr:col>
      <xdr:colOff>126364</xdr:colOff>
      <xdr:row>42</xdr:row>
      <xdr:rowOff>92528</xdr:rowOff>
    </xdr:to>
    <xdr:cxnSp macro="">
      <xdr:nvCxnSpPr>
        <xdr:cNvPr id="416" name="直線コネクタ 415">
          <a:extLst>
            <a:ext uri="{FF2B5EF4-FFF2-40B4-BE49-F238E27FC236}">
              <a16:creationId xmlns:a16="http://schemas.microsoft.com/office/drawing/2014/main" id="{33C5CAD2-A6E8-40C1-BC30-7451762FAD78}"/>
            </a:ext>
          </a:extLst>
        </xdr:cNvPr>
        <xdr:cNvCxnSpPr/>
      </xdr:nvCxnSpPr>
      <xdr:spPr>
        <a:xfrm flipV="1">
          <a:off x="14375764" y="5685064"/>
          <a:ext cx="0" cy="14483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17" name="【認定こども園・幼稚園・保育所】&#10;有形固定資産減価償却率最小値テキスト">
          <a:extLst>
            <a:ext uri="{FF2B5EF4-FFF2-40B4-BE49-F238E27FC236}">
              <a16:creationId xmlns:a16="http://schemas.microsoft.com/office/drawing/2014/main" id="{F0F793B8-0D97-49EC-9B0E-956A1ADE58BB}"/>
            </a:ext>
          </a:extLst>
        </xdr:cNvPr>
        <xdr:cNvSpPr txBox="1"/>
      </xdr:nvSpPr>
      <xdr:spPr>
        <a:xfrm>
          <a:off x="14414500" y="713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18" name="直線コネクタ 417">
          <a:extLst>
            <a:ext uri="{FF2B5EF4-FFF2-40B4-BE49-F238E27FC236}">
              <a16:creationId xmlns:a16="http://schemas.microsoft.com/office/drawing/2014/main" id="{03F699E1-2909-4D11-82C5-2035E2422B8D}"/>
            </a:ext>
          </a:extLst>
        </xdr:cNvPr>
        <xdr:cNvCxnSpPr/>
      </xdr:nvCxnSpPr>
      <xdr:spPr>
        <a:xfrm>
          <a:off x="1428750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9621</xdr:rowOff>
    </xdr:from>
    <xdr:ext cx="340478" cy="259045"/>
    <xdr:sp macro="" textlink="">
      <xdr:nvSpPr>
        <xdr:cNvPr id="419" name="【認定こども園・幼稚園・保育所】&#10;有形固定資産減価償却率最大値テキスト">
          <a:extLst>
            <a:ext uri="{FF2B5EF4-FFF2-40B4-BE49-F238E27FC236}">
              <a16:creationId xmlns:a16="http://schemas.microsoft.com/office/drawing/2014/main" id="{605D43F7-B1FC-4A10-97D9-13D326236570}"/>
            </a:ext>
          </a:extLst>
        </xdr:cNvPr>
        <xdr:cNvSpPr txBox="1"/>
      </xdr:nvSpPr>
      <xdr:spPr>
        <a:xfrm>
          <a:off x="14414500" y="546410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52944</xdr:rowOff>
    </xdr:from>
    <xdr:to>
      <xdr:col>86</xdr:col>
      <xdr:colOff>25400</xdr:colOff>
      <xdr:row>33</xdr:row>
      <xdr:rowOff>152944</xdr:rowOff>
    </xdr:to>
    <xdr:cxnSp macro="">
      <xdr:nvCxnSpPr>
        <xdr:cNvPr id="420" name="直線コネクタ 419">
          <a:extLst>
            <a:ext uri="{FF2B5EF4-FFF2-40B4-BE49-F238E27FC236}">
              <a16:creationId xmlns:a16="http://schemas.microsoft.com/office/drawing/2014/main" id="{FA9CB2C2-C66C-4E50-875D-10AB9DBAE708}"/>
            </a:ext>
          </a:extLst>
        </xdr:cNvPr>
        <xdr:cNvCxnSpPr/>
      </xdr:nvCxnSpPr>
      <xdr:spPr>
        <a:xfrm>
          <a:off x="14287500" y="568506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33581</xdr:rowOff>
    </xdr:from>
    <xdr:ext cx="405111" cy="259045"/>
    <xdr:sp macro="" textlink="">
      <xdr:nvSpPr>
        <xdr:cNvPr id="421" name="【認定こども園・幼稚園・保育所】&#10;有形固定資産減価償却率平均値テキスト">
          <a:extLst>
            <a:ext uri="{FF2B5EF4-FFF2-40B4-BE49-F238E27FC236}">
              <a16:creationId xmlns:a16="http://schemas.microsoft.com/office/drawing/2014/main" id="{A9A2EB97-2E69-4592-A8BE-CDD237FCD327}"/>
            </a:ext>
          </a:extLst>
        </xdr:cNvPr>
        <xdr:cNvSpPr txBox="1"/>
      </xdr:nvSpPr>
      <xdr:spPr>
        <a:xfrm>
          <a:off x="14414500" y="62362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704</xdr:rowOff>
    </xdr:from>
    <xdr:to>
      <xdr:col>85</xdr:col>
      <xdr:colOff>177800</xdr:colOff>
      <xdr:row>38</xdr:row>
      <xdr:rowOff>112304</xdr:rowOff>
    </xdr:to>
    <xdr:sp macro="" textlink="">
      <xdr:nvSpPr>
        <xdr:cNvPr id="422" name="フローチャート: 判断 421">
          <a:extLst>
            <a:ext uri="{FF2B5EF4-FFF2-40B4-BE49-F238E27FC236}">
              <a16:creationId xmlns:a16="http://schemas.microsoft.com/office/drawing/2014/main" id="{E2A2E432-C5DB-42C0-A5FD-D24EF746215E}"/>
            </a:ext>
          </a:extLst>
        </xdr:cNvPr>
        <xdr:cNvSpPr/>
      </xdr:nvSpPr>
      <xdr:spPr>
        <a:xfrm>
          <a:off x="14325600" y="6381024"/>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4396</xdr:rowOff>
    </xdr:from>
    <xdr:to>
      <xdr:col>81</xdr:col>
      <xdr:colOff>101600</xdr:colOff>
      <xdr:row>38</xdr:row>
      <xdr:rowOff>84545</xdr:rowOff>
    </xdr:to>
    <xdr:sp macro="" textlink="">
      <xdr:nvSpPr>
        <xdr:cNvPr id="423" name="フローチャート: 判断 422">
          <a:extLst>
            <a:ext uri="{FF2B5EF4-FFF2-40B4-BE49-F238E27FC236}">
              <a16:creationId xmlns:a16="http://schemas.microsoft.com/office/drawing/2014/main" id="{7645B6A2-9C46-4093-83DD-E585DE55D5F9}"/>
            </a:ext>
          </a:extLst>
        </xdr:cNvPr>
        <xdr:cNvSpPr/>
      </xdr:nvSpPr>
      <xdr:spPr>
        <a:xfrm>
          <a:off x="13578840" y="6357076"/>
          <a:ext cx="101600" cy="9778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36434</xdr:rowOff>
    </xdr:from>
    <xdr:to>
      <xdr:col>76</xdr:col>
      <xdr:colOff>165100</xdr:colOff>
      <xdr:row>38</xdr:row>
      <xdr:rowOff>66584</xdr:rowOff>
    </xdr:to>
    <xdr:sp macro="" textlink="">
      <xdr:nvSpPr>
        <xdr:cNvPr id="424" name="フローチャート: 判断 423">
          <a:extLst>
            <a:ext uri="{FF2B5EF4-FFF2-40B4-BE49-F238E27FC236}">
              <a16:creationId xmlns:a16="http://schemas.microsoft.com/office/drawing/2014/main" id="{BED1DFBC-3597-45E8-8DBB-254552FB9474}"/>
            </a:ext>
          </a:extLst>
        </xdr:cNvPr>
        <xdr:cNvSpPr/>
      </xdr:nvSpPr>
      <xdr:spPr>
        <a:xfrm>
          <a:off x="12804140" y="63391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3169</xdr:rowOff>
    </xdr:from>
    <xdr:to>
      <xdr:col>72</xdr:col>
      <xdr:colOff>38100</xdr:colOff>
      <xdr:row>38</xdr:row>
      <xdr:rowOff>63319</xdr:rowOff>
    </xdr:to>
    <xdr:sp macro="" textlink="">
      <xdr:nvSpPr>
        <xdr:cNvPr id="425" name="フローチャート: 判断 424">
          <a:extLst>
            <a:ext uri="{FF2B5EF4-FFF2-40B4-BE49-F238E27FC236}">
              <a16:creationId xmlns:a16="http://schemas.microsoft.com/office/drawing/2014/main" id="{850486B0-47C8-428A-9A5B-8FA237A8ED77}"/>
            </a:ext>
          </a:extLst>
        </xdr:cNvPr>
        <xdr:cNvSpPr/>
      </xdr:nvSpPr>
      <xdr:spPr>
        <a:xfrm>
          <a:off x="12029440" y="633584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6028</xdr:rowOff>
    </xdr:from>
    <xdr:to>
      <xdr:col>67</xdr:col>
      <xdr:colOff>101600</xdr:colOff>
      <xdr:row>38</xdr:row>
      <xdr:rowOff>86178</xdr:rowOff>
    </xdr:to>
    <xdr:sp macro="" textlink="">
      <xdr:nvSpPr>
        <xdr:cNvPr id="426" name="フローチャート: 判断 425">
          <a:extLst>
            <a:ext uri="{FF2B5EF4-FFF2-40B4-BE49-F238E27FC236}">
              <a16:creationId xmlns:a16="http://schemas.microsoft.com/office/drawing/2014/main" id="{9DAA5660-19F9-4283-8D89-344E5EFB5BDD}"/>
            </a:ext>
          </a:extLst>
        </xdr:cNvPr>
        <xdr:cNvSpPr/>
      </xdr:nvSpPr>
      <xdr:spPr>
        <a:xfrm>
          <a:off x="11231880" y="635870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7DAD88AA-19FB-4E9B-8811-2016F0A865E0}"/>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802DB5C3-8D38-4876-9441-C4009E951383}"/>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4F1E77B0-0264-4486-BCC5-F6EA52038695}"/>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1464B02B-117F-4AA9-9F67-4B56645F6983}"/>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72045DEE-6B22-41B6-BEA1-442BCB5244E7}"/>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2</xdr:row>
      <xdr:rowOff>17235</xdr:rowOff>
    </xdr:from>
    <xdr:to>
      <xdr:col>85</xdr:col>
      <xdr:colOff>177800</xdr:colOff>
      <xdr:row>42</xdr:row>
      <xdr:rowOff>118835</xdr:rowOff>
    </xdr:to>
    <xdr:sp macro="" textlink="">
      <xdr:nvSpPr>
        <xdr:cNvPr id="432" name="楕円 431">
          <a:extLst>
            <a:ext uri="{FF2B5EF4-FFF2-40B4-BE49-F238E27FC236}">
              <a16:creationId xmlns:a16="http://schemas.microsoft.com/office/drawing/2014/main" id="{73D30EF8-21C6-483A-B9CA-DE71A227CA12}"/>
            </a:ext>
          </a:extLst>
        </xdr:cNvPr>
        <xdr:cNvSpPr/>
      </xdr:nvSpPr>
      <xdr:spPr>
        <a:xfrm>
          <a:off x="14325600" y="7058115"/>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103612</xdr:rowOff>
    </xdr:from>
    <xdr:ext cx="405111" cy="259045"/>
    <xdr:sp macro="" textlink="">
      <xdr:nvSpPr>
        <xdr:cNvPr id="433" name="【認定こども園・幼稚園・保育所】&#10;有形固定資産減価償却率該当値テキスト">
          <a:extLst>
            <a:ext uri="{FF2B5EF4-FFF2-40B4-BE49-F238E27FC236}">
              <a16:creationId xmlns:a16="http://schemas.microsoft.com/office/drawing/2014/main" id="{61C09793-589D-4C51-9BA3-EF686E479C54}"/>
            </a:ext>
          </a:extLst>
        </xdr:cNvPr>
        <xdr:cNvSpPr txBox="1"/>
      </xdr:nvSpPr>
      <xdr:spPr>
        <a:xfrm>
          <a:off x="14414500" y="6976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2</xdr:row>
      <xdr:rowOff>15603</xdr:rowOff>
    </xdr:from>
    <xdr:to>
      <xdr:col>81</xdr:col>
      <xdr:colOff>101600</xdr:colOff>
      <xdr:row>42</xdr:row>
      <xdr:rowOff>117203</xdr:rowOff>
    </xdr:to>
    <xdr:sp macro="" textlink="">
      <xdr:nvSpPr>
        <xdr:cNvPr id="434" name="楕円 433">
          <a:extLst>
            <a:ext uri="{FF2B5EF4-FFF2-40B4-BE49-F238E27FC236}">
              <a16:creationId xmlns:a16="http://schemas.microsoft.com/office/drawing/2014/main" id="{EDDD072B-EEB6-4297-BAC4-AF9CE4E28BCD}"/>
            </a:ext>
          </a:extLst>
        </xdr:cNvPr>
        <xdr:cNvSpPr/>
      </xdr:nvSpPr>
      <xdr:spPr>
        <a:xfrm>
          <a:off x="13578840" y="7056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66403</xdr:rowOff>
    </xdr:from>
    <xdr:to>
      <xdr:col>85</xdr:col>
      <xdr:colOff>127000</xdr:colOff>
      <xdr:row>42</xdr:row>
      <xdr:rowOff>68035</xdr:rowOff>
    </xdr:to>
    <xdr:cxnSp macro="">
      <xdr:nvCxnSpPr>
        <xdr:cNvPr id="435" name="直線コネクタ 434">
          <a:extLst>
            <a:ext uri="{FF2B5EF4-FFF2-40B4-BE49-F238E27FC236}">
              <a16:creationId xmlns:a16="http://schemas.microsoft.com/office/drawing/2014/main" id="{8D320143-7927-4DEB-B242-6DFA566FE76A}"/>
            </a:ext>
          </a:extLst>
        </xdr:cNvPr>
        <xdr:cNvCxnSpPr/>
      </xdr:nvCxnSpPr>
      <xdr:spPr>
        <a:xfrm>
          <a:off x="13629640" y="7107283"/>
          <a:ext cx="74676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2</xdr:row>
      <xdr:rowOff>27033</xdr:rowOff>
    </xdr:from>
    <xdr:to>
      <xdr:col>76</xdr:col>
      <xdr:colOff>165100</xdr:colOff>
      <xdr:row>42</xdr:row>
      <xdr:rowOff>128633</xdr:rowOff>
    </xdr:to>
    <xdr:sp macro="" textlink="">
      <xdr:nvSpPr>
        <xdr:cNvPr id="436" name="楕円 435">
          <a:extLst>
            <a:ext uri="{FF2B5EF4-FFF2-40B4-BE49-F238E27FC236}">
              <a16:creationId xmlns:a16="http://schemas.microsoft.com/office/drawing/2014/main" id="{7D0D0014-8C1F-411A-A88F-AE9C80FBEDB5}"/>
            </a:ext>
          </a:extLst>
        </xdr:cNvPr>
        <xdr:cNvSpPr/>
      </xdr:nvSpPr>
      <xdr:spPr>
        <a:xfrm>
          <a:off x="12804140" y="7067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66403</xdr:rowOff>
    </xdr:from>
    <xdr:to>
      <xdr:col>81</xdr:col>
      <xdr:colOff>50800</xdr:colOff>
      <xdr:row>42</xdr:row>
      <xdr:rowOff>77833</xdr:rowOff>
    </xdr:to>
    <xdr:cxnSp macro="">
      <xdr:nvCxnSpPr>
        <xdr:cNvPr id="437" name="直線コネクタ 436">
          <a:extLst>
            <a:ext uri="{FF2B5EF4-FFF2-40B4-BE49-F238E27FC236}">
              <a16:creationId xmlns:a16="http://schemas.microsoft.com/office/drawing/2014/main" id="{07697856-4478-4E39-BE64-0A77C13AF540}"/>
            </a:ext>
          </a:extLst>
        </xdr:cNvPr>
        <xdr:cNvCxnSpPr/>
      </xdr:nvCxnSpPr>
      <xdr:spPr>
        <a:xfrm flipV="1">
          <a:off x="12854940" y="7107283"/>
          <a:ext cx="7747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2</xdr:row>
      <xdr:rowOff>25400</xdr:rowOff>
    </xdr:from>
    <xdr:to>
      <xdr:col>72</xdr:col>
      <xdr:colOff>38100</xdr:colOff>
      <xdr:row>42</xdr:row>
      <xdr:rowOff>127000</xdr:rowOff>
    </xdr:to>
    <xdr:sp macro="" textlink="">
      <xdr:nvSpPr>
        <xdr:cNvPr id="438" name="楕円 437">
          <a:extLst>
            <a:ext uri="{FF2B5EF4-FFF2-40B4-BE49-F238E27FC236}">
              <a16:creationId xmlns:a16="http://schemas.microsoft.com/office/drawing/2014/main" id="{A307D2C3-BAAA-4A30-A13F-F031D3A22BED}"/>
            </a:ext>
          </a:extLst>
        </xdr:cNvPr>
        <xdr:cNvSpPr/>
      </xdr:nvSpPr>
      <xdr:spPr>
        <a:xfrm>
          <a:off x="12029440" y="706628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2</xdr:row>
      <xdr:rowOff>76200</xdr:rowOff>
    </xdr:from>
    <xdr:to>
      <xdr:col>76</xdr:col>
      <xdr:colOff>114300</xdr:colOff>
      <xdr:row>42</xdr:row>
      <xdr:rowOff>77833</xdr:rowOff>
    </xdr:to>
    <xdr:cxnSp macro="">
      <xdr:nvCxnSpPr>
        <xdr:cNvPr id="439" name="直線コネクタ 438">
          <a:extLst>
            <a:ext uri="{FF2B5EF4-FFF2-40B4-BE49-F238E27FC236}">
              <a16:creationId xmlns:a16="http://schemas.microsoft.com/office/drawing/2014/main" id="{01465205-056F-47A9-9A91-F85B4AF5A221}"/>
            </a:ext>
          </a:extLst>
        </xdr:cNvPr>
        <xdr:cNvCxnSpPr/>
      </xdr:nvCxnSpPr>
      <xdr:spPr>
        <a:xfrm>
          <a:off x="12072620" y="7117080"/>
          <a:ext cx="78232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2</xdr:row>
      <xdr:rowOff>25400</xdr:rowOff>
    </xdr:from>
    <xdr:to>
      <xdr:col>67</xdr:col>
      <xdr:colOff>101600</xdr:colOff>
      <xdr:row>42</xdr:row>
      <xdr:rowOff>127000</xdr:rowOff>
    </xdr:to>
    <xdr:sp macro="" textlink="">
      <xdr:nvSpPr>
        <xdr:cNvPr id="440" name="楕円 439">
          <a:extLst>
            <a:ext uri="{FF2B5EF4-FFF2-40B4-BE49-F238E27FC236}">
              <a16:creationId xmlns:a16="http://schemas.microsoft.com/office/drawing/2014/main" id="{8DBF0374-D86F-4CAB-9E89-BFD6A1DDEFBF}"/>
            </a:ext>
          </a:extLst>
        </xdr:cNvPr>
        <xdr:cNvSpPr/>
      </xdr:nvSpPr>
      <xdr:spPr>
        <a:xfrm>
          <a:off x="11231880" y="706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2</xdr:row>
      <xdr:rowOff>76200</xdr:rowOff>
    </xdr:from>
    <xdr:to>
      <xdr:col>71</xdr:col>
      <xdr:colOff>177800</xdr:colOff>
      <xdr:row>42</xdr:row>
      <xdr:rowOff>76200</xdr:rowOff>
    </xdr:to>
    <xdr:cxnSp macro="">
      <xdr:nvCxnSpPr>
        <xdr:cNvPr id="441" name="直線コネクタ 440">
          <a:extLst>
            <a:ext uri="{FF2B5EF4-FFF2-40B4-BE49-F238E27FC236}">
              <a16:creationId xmlns:a16="http://schemas.microsoft.com/office/drawing/2014/main" id="{E5B8216B-A3C2-4561-8481-90E41C0D94F3}"/>
            </a:ext>
          </a:extLst>
        </xdr:cNvPr>
        <xdr:cNvCxnSpPr/>
      </xdr:nvCxnSpPr>
      <xdr:spPr>
        <a:xfrm>
          <a:off x="11282680" y="711708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01073</xdr:rowOff>
    </xdr:from>
    <xdr:ext cx="405111" cy="259045"/>
    <xdr:sp macro="" textlink="">
      <xdr:nvSpPr>
        <xdr:cNvPr id="442" name="n_1aveValue【認定こども園・幼稚園・保育所】&#10;有形固定資産減価償却率">
          <a:extLst>
            <a:ext uri="{FF2B5EF4-FFF2-40B4-BE49-F238E27FC236}">
              <a16:creationId xmlns:a16="http://schemas.microsoft.com/office/drawing/2014/main" id="{EDA46D2F-D196-46A5-A39B-B1F116276BA6}"/>
            </a:ext>
          </a:extLst>
        </xdr:cNvPr>
        <xdr:cNvSpPr txBox="1"/>
      </xdr:nvSpPr>
      <xdr:spPr>
        <a:xfrm>
          <a:off x="13437244" y="613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83111</xdr:rowOff>
    </xdr:from>
    <xdr:ext cx="405111" cy="259045"/>
    <xdr:sp macro="" textlink="">
      <xdr:nvSpPr>
        <xdr:cNvPr id="443" name="n_2aveValue【認定こども園・幼稚園・保育所】&#10;有形固定資産減価償却率">
          <a:extLst>
            <a:ext uri="{FF2B5EF4-FFF2-40B4-BE49-F238E27FC236}">
              <a16:creationId xmlns:a16="http://schemas.microsoft.com/office/drawing/2014/main" id="{6C00F199-6374-46A5-8690-B4941295D94E}"/>
            </a:ext>
          </a:extLst>
        </xdr:cNvPr>
        <xdr:cNvSpPr txBox="1"/>
      </xdr:nvSpPr>
      <xdr:spPr>
        <a:xfrm>
          <a:off x="12675244" y="61181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79846</xdr:rowOff>
    </xdr:from>
    <xdr:ext cx="405111" cy="259045"/>
    <xdr:sp macro="" textlink="">
      <xdr:nvSpPr>
        <xdr:cNvPr id="444" name="n_3aveValue【認定こども園・幼稚園・保育所】&#10;有形固定資産減価償却率">
          <a:extLst>
            <a:ext uri="{FF2B5EF4-FFF2-40B4-BE49-F238E27FC236}">
              <a16:creationId xmlns:a16="http://schemas.microsoft.com/office/drawing/2014/main" id="{6CA0ED72-F1FA-46BC-B9C7-9AC483D03A3B}"/>
            </a:ext>
          </a:extLst>
        </xdr:cNvPr>
        <xdr:cNvSpPr txBox="1"/>
      </xdr:nvSpPr>
      <xdr:spPr>
        <a:xfrm>
          <a:off x="11900544" y="61148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02705</xdr:rowOff>
    </xdr:from>
    <xdr:ext cx="405111" cy="259045"/>
    <xdr:sp macro="" textlink="">
      <xdr:nvSpPr>
        <xdr:cNvPr id="445" name="n_4aveValue【認定こども園・幼稚園・保育所】&#10;有形固定資産減価償却率">
          <a:extLst>
            <a:ext uri="{FF2B5EF4-FFF2-40B4-BE49-F238E27FC236}">
              <a16:creationId xmlns:a16="http://schemas.microsoft.com/office/drawing/2014/main" id="{FCF8DE46-8C68-43B7-BA34-8F2F0407023C}"/>
            </a:ext>
          </a:extLst>
        </xdr:cNvPr>
        <xdr:cNvSpPr txBox="1"/>
      </xdr:nvSpPr>
      <xdr:spPr>
        <a:xfrm>
          <a:off x="11102984" y="6137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108330</xdr:rowOff>
    </xdr:from>
    <xdr:ext cx="405111" cy="259045"/>
    <xdr:sp macro="" textlink="">
      <xdr:nvSpPr>
        <xdr:cNvPr id="446" name="n_1mainValue【認定こども園・幼稚園・保育所】&#10;有形固定資産減価償却率">
          <a:extLst>
            <a:ext uri="{FF2B5EF4-FFF2-40B4-BE49-F238E27FC236}">
              <a16:creationId xmlns:a16="http://schemas.microsoft.com/office/drawing/2014/main" id="{0CD762E8-C96E-4E4B-952D-93A7A1F93A20}"/>
            </a:ext>
          </a:extLst>
        </xdr:cNvPr>
        <xdr:cNvSpPr txBox="1"/>
      </xdr:nvSpPr>
      <xdr:spPr>
        <a:xfrm>
          <a:off x="13437244" y="71492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2</xdr:row>
      <xdr:rowOff>119760</xdr:rowOff>
    </xdr:from>
    <xdr:ext cx="405111" cy="259045"/>
    <xdr:sp macro="" textlink="">
      <xdr:nvSpPr>
        <xdr:cNvPr id="447" name="n_2mainValue【認定こども園・幼稚園・保育所】&#10;有形固定資産減価償却率">
          <a:extLst>
            <a:ext uri="{FF2B5EF4-FFF2-40B4-BE49-F238E27FC236}">
              <a16:creationId xmlns:a16="http://schemas.microsoft.com/office/drawing/2014/main" id="{34E406A8-9145-4848-9C7B-B4E52A511482}"/>
            </a:ext>
          </a:extLst>
        </xdr:cNvPr>
        <xdr:cNvSpPr txBox="1"/>
      </xdr:nvSpPr>
      <xdr:spPr>
        <a:xfrm>
          <a:off x="12675244" y="7160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118127</xdr:rowOff>
    </xdr:from>
    <xdr:ext cx="405111" cy="259045"/>
    <xdr:sp macro="" textlink="">
      <xdr:nvSpPr>
        <xdr:cNvPr id="448" name="n_3mainValue【認定こども園・幼稚園・保育所】&#10;有形固定資産減価償却率">
          <a:extLst>
            <a:ext uri="{FF2B5EF4-FFF2-40B4-BE49-F238E27FC236}">
              <a16:creationId xmlns:a16="http://schemas.microsoft.com/office/drawing/2014/main" id="{70161864-BE40-44F2-AC1A-CE60C886FA06}"/>
            </a:ext>
          </a:extLst>
        </xdr:cNvPr>
        <xdr:cNvSpPr txBox="1"/>
      </xdr:nvSpPr>
      <xdr:spPr>
        <a:xfrm>
          <a:off x="11900544" y="715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118127</xdr:rowOff>
    </xdr:from>
    <xdr:ext cx="405111" cy="259045"/>
    <xdr:sp macro="" textlink="">
      <xdr:nvSpPr>
        <xdr:cNvPr id="449" name="n_4mainValue【認定こども園・幼稚園・保育所】&#10;有形固定資産減価償却率">
          <a:extLst>
            <a:ext uri="{FF2B5EF4-FFF2-40B4-BE49-F238E27FC236}">
              <a16:creationId xmlns:a16="http://schemas.microsoft.com/office/drawing/2014/main" id="{080CE899-E9F2-4741-84D9-69578420E6E1}"/>
            </a:ext>
          </a:extLst>
        </xdr:cNvPr>
        <xdr:cNvSpPr txBox="1"/>
      </xdr:nvSpPr>
      <xdr:spPr>
        <a:xfrm>
          <a:off x="11102984" y="715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a:extLst>
            <a:ext uri="{FF2B5EF4-FFF2-40B4-BE49-F238E27FC236}">
              <a16:creationId xmlns:a16="http://schemas.microsoft.com/office/drawing/2014/main" id="{8B66F306-FECC-41BC-95B9-E552D92C38AF}"/>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a:extLst>
            <a:ext uri="{FF2B5EF4-FFF2-40B4-BE49-F238E27FC236}">
              <a16:creationId xmlns:a16="http://schemas.microsoft.com/office/drawing/2014/main" id="{C48293CA-55D8-4B6E-B0C5-ED062B1C6D13}"/>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a:extLst>
            <a:ext uri="{FF2B5EF4-FFF2-40B4-BE49-F238E27FC236}">
              <a16:creationId xmlns:a16="http://schemas.microsoft.com/office/drawing/2014/main" id="{FE262637-8FED-4DE9-B6AB-51023DDCBE18}"/>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a:extLst>
            <a:ext uri="{FF2B5EF4-FFF2-40B4-BE49-F238E27FC236}">
              <a16:creationId xmlns:a16="http://schemas.microsoft.com/office/drawing/2014/main" id="{3360664C-1337-44F1-847F-98FEF14BD8B3}"/>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a:extLst>
            <a:ext uri="{FF2B5EF4-FFF2-40B4-BE49-F238E27FC236}">
              <a16:creationId xmlns:a16="http://schemas.microsoft.com/office/drawing/2014/main" id="{90719707-E337-4B49-8B71-1ECDC2B8B08B}"/>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a:extLst>
            <a:ext uri="{FF2B5EF4-FFF2-40B4-BE49-F238E27FC236}">
              <a16:creationId xmlns:a16="http://schemas.microsoft.com/office/drawing/2014/main" id="{08AE23BC-C489-42FF-A768-C43AACB9BE5C}"/>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a:extLst>
            <a:ext uri="{FF2B5EF4-FFF2-40B4-BE49-F238E27FC236}">
              <a16:creationId xmlns:a16="http://schemas.microsoft.com/office/drawing/2014/main" id="{64CB4BA8-0D97-4674-B6AB-585936FEBF19}"/>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a:extLst>
            <a:ext uri="{FF2B5EF4-FFF2-40B4-BE49-F238E27FC236}">
              <a16:creationId xmlns:a16="http://schemas.microsoft.com/office/drawing/2014/main" id="{98348DCE-3790-4426-888E-A76B92F0E1AD}"/>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a:extLst>
            <a:ext uri="{FF2B5EF4-FFF2-40B4-BE49-F238E27FC236}">
              <a16:creationId xmlns:a16="http://schemas.microsoft.com/office/drawing/2014/main" id="{FEE0BDDB-0FB5-4C82-BBB2-A5FC2F843EAF}"/>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a:extLst>
            <a:ext uri="{FF2B5EF4-FFF2-40B4-BE49-F238E27FC236}">
              <a16:creationId xmlns:a16="http://schemas.microsoft.com/office/drawing/2014/main" id="{F843CDEA-6E0E-45C0-BFF2-815674A5AAF7}"/>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0" name="直線コネクタ 459">
          <a:extLst>
            <a:ext uri="{FF2B5EF4-FFF2-40B4-BE49-F238E27FC236}">
              <a16:creationId xmlns:a16="http://schemas.microsoft.com/office/drawing/2014/main" id="{9853F2B7-7146-4564-A03D-7216C17BA339}"/>
            </a:ext>
          </a:extLst>
        </xdr:cNvPr>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1" name="テキスト ボックス 460">
          <a:extLst>
            <a:ext uri="{FF2B5EF4-FFF2-40B4-BE49-F238E27FC236}">
              <a16:creationId xmlns:a16="http://schemas.microsoft.com/office/drawing/2014/main" id="{6A4C4C1B-1460-4E21-AEED-AE5AD04C7227}"/>
            </a:ext>
          </a:extLst>
        </xdr:cNvPr>
        <xdr:cNvSpPr txBox="1"/>
      </xdr:nvSpPr>
      <xdr:spPr>
        <a:xfrm>
          <a:off x="1569484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2" name="直線コネクタ 461">
          <a:extLst>
            <a:ext uri="{FF2B5EF4-FFF2-40B4-BE49-F238E27FC236}">
              <a16:creationId xmlns:a16="http://schemas.microsoft.com/office/drawing/2014/main" id="{0D5C0BA3-037E-4370-8423-BD3918AA0F12}"/>
            </a:ext>
          </a:extLst>
        </xdr:cNvPr>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3" name="テキスト ボックス 462">
          <a:extLst>
            <a:ext uri="{FF2B5EF4-FFF2-40B4-BE49-F238E27FC236}">
              <a16:creationId xmlns:a16="http://schemas.microsoft.com/office/drawing/2014/main" id="{95AE4CEC-3BBB-41D2-BF59-7C3F92B66807}"/>
            </a:ext>
          </a:extLst>
        </xdr:cNvPr>
        <xdr:cNvSpPr txBox="1"/>
      </xdr:nvSpPr>
      <xdr:spPr>
        <a:xfrm>
          <a:off x="1569484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4" name="直線コネクタ 463">
          <a:extLst>
            <a:ext uri="{FF2B5EF4-FFF2-40B4-BE49-F238E27FC236}">
              <a16:creationId xmlns:a16="http://schemas.microsoft.com/office/drawing/2014/main" id="{6B39206F-E781-4BF5-8F58-62B75B98A431}"/>
            </a:ext>
          </a:extLst>
        </xdr:cNvPr>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5" name="テキスト ボックス 464">
          <a:extLst>
            <a:ext uri="{FF2B5EF4-FFF2-40B4-BE49-F238E27FC236}">
              <a16:creationId xmlns:a16="http://schemas.microsoft.com/office/drawing/2014/main" id="{2AAC411D-E35A-494C-9094-02E6242EF56D}"/>
            </a:ext>
          </a:extLst>
        </xdr:cNvPr>
        <xdr:cNvSpPr txBox="1"/>
      </xdr:nvSpPr>
      <xdr:spPr>
        <a:xfrm>
          <a:off x="1569484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6" name="直線コネクタ 465">
          <a:extLst>
            <a:ext uri="{FF2B5EF4-FFF2-40B4-BE49-F238E27FC236}">
              <a16:creationId xmlns:a16="http://schemas.microsoft.com/office/drawing/2014/main" id="{BEA21C57-9C75-4342-8BFC-10395BC1CA06}"/>
            </a:ext>
          </a:extLst>
        </xdr:cNvPr>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7" name="テキスト ボックス 466">
          <a:extLst>
            <a:ext uri="{FF2B5EF4-FFF2-40B4-BE49-F238E27FC236}">
              <a16:creationId xmlns:a16="http://schemas.microsoft.com/office/drawing/2014/main" id="{112CD409-451C-4FAD-A423-38C04DE0A9F0}"/>
            </a:ext>
          </a:extLst>
        </xdr:cNvPr>
        <xdr:cNvSpPr txBox="1"/>
      </xdr:nvSpPr>
      <xdr:spPr>
        <a:xfrm>
          <a:off x="1569484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8" name="直線コネクタ 467">
          <a:extLst>
            <a:ext uri="{FF2B5EF4-FFF2-40B4-BE49-F238E27FC236}">
              <a16:creationId xmlns:a16="http://schemas.microsoft.com/office/drawing/2014/main" id="{E554B52E-08BE-4DAA-8B33-957323D13D17}"/>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9" name="テキスト ボックス 468">
          <a:extLst>
            <a:ext uri="{FF2B5EF4-FFF2-40B4-BE49-F238E27FC236}">
              <a16:creationId xmlns:a16="http://schemas.microsoft.com/office/drawing/2014/main" id="{EA18722F-3BCD-4E1D-9B28-986311128741}"/>
            </a:ext>
          </a:extLst>
        </xdr:cNvPr>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0" name="【認定こども園・幼稚園・保育所】&#10;一人当たり面積グラフ枠">
          <a:extLst>
            <a:ext uri="{FF2B5EF4-FFF2-40B4-BE49-F238E27FC236}">
              <a16:creationId xmlns:a16="http://schemas.microsoft.com/office/drawing/2014/main" id="{42B55CD3-1E7A-4532-80C8-583F9ED5AB96}"/>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19634</xdr:rowOff>
    </xdr:from>
    <xdr:to>
      <xdr:col>116</xdr:col>
      <xdr:colOff>62864</xdr:colOff>
      <xdr:row>41</xdr:row>
      <xdr:rowOff>115062</xdr:rowOff>
    </xdr:to>
    <xdr:cxnSp macro="">
      <xdr:nvCxnSpPr>
        <xdr:cNvPr id="471" name="直線コネクタ 470">
          <a:extLst>
            <a:ext uri="{FF2B5EF4-FFF2-40B4-BE49-F238E27FC236}">
              <a16:creationId xmlns:a16="http://schemas.microsoft.com/office/drawing/2014/main" id="{D0CB0044-53F1-42BD-B187-F4A3816ECCFA}"/>
            </a:ext>
          </a:extLst>
        </xdr:cNvPr>
        <xdr:cNvCxnSpPr/>
      </xdr:nvCxnSpPr>
      <xdr:spPr>
        <a:xfrm flipV="1">
          <a:off x="19509104" y="5819394"/>
          <a:ext cx="0" cy="11689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472" name="【認定こども園・幼稚園・保育所】&#10;一人当たり面積最小値テキスト">
          <a:extLst>
            <a:ext uri="{FF2B5EF4-FFF2-40B4-BE49-F238E27FC236}">
              <a16:creationId xmlns:a16="http://schemas.microsoft.com/office/drawing/2014/main" id="{8FCCF26C-D800-4C47-83B4-0B8C0F829D8E}"/>
            </a:ext>
          </a:extLst>
        </xdr:cNvPr>
        <xdr:cNvSpPr txBox="1"/>
      </xdr:nvSpPr>
      <xdr:spPr>
        <a:xfrm>
          <a:off x="19547840" y="6992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473" name="直線コネクタ 472">
          <a:extLst>
            <a:ext uri="{FF2B5EF4-FFF2-40B4-BE49-F238E27FC236}">
              <a16:creationId xmlns:a16="http://schemas.microsoft.com/office/drawing/2014/main" id="{C352D320-6C55-450C-A8EC-0E7A98DAE104}"/>
            </a:ext>
          </a:extLst>
        </xdr:cNvPr>
        <xdr:cNvCxnSpPr/>
      </xdr:nvCxnSpPr>
      <xdr:spPr>
        <a:xfrm>
          <a:off x="19443700" y="698830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6311</xdr:rowOff>
    </xdr:from>
    <xdr:ext cx="469744" cy="259045"/>
    <xdr:sp macro="" textlink="">
      <xdr:nvSpPr>
        <xdr:cNvPr id="474" name="【認定こども園・幼稚園・保育所】&#10;一人当たり面積最大値テキスト">
          <a:extLst>
            <a:ext uri="{FF2B5EF4-FFF2-40B4-BE49-F238E27FC236}">
              <a16:creationId xmlns:a16="http://schemas.microsoft.com/office/drawing/2014/main" id="{380FC0E3-6EED-4E86-BEB8-11AE580CB97D}"/>
            </a:ext>
          </a:extLst>
        </xdr:cNvPr>
        <xdr:cNvSpPr txBox="1"/>
      </xdr:nvSpPr>
      <xdr:spPr>
        <a:xfrm>
          <a:off x="19547840" y="5598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19634</xdr:rowOff>
    </xdr:from>
    <xdr:to>
      <xdr:col>116</xdr:col>
      <xdr:colOff>152400</xdr:colOff>
      <xdr:row>34</xdr:row>
      <xdr:rowOff>119634</xdr:rowOff>
    </xdr:to>
    <xdr:cxnSp macro="">
      <xdr:nvCxnSpPr>
        <xdr:cNvPr id="475" name="直線コネクタ 474">
          <a:extLst>
            <a:ext uri="{FF2B5EF4-FFF2-40B4-BE49-F238E27FC236}">
              <a16:creationId xmlns:a16="http://schemas.microsoft.com/office/drawing/2014/main" id="{7B987FB2-7CBE-471D-B629-139AE8E684AF}"/>
            </a:ext>
          </a:extLst>
        </xdr:cNvPr>
        <xdr:cNvCxnSpPr/>
      </xdr:nvCxnSpPr>
      <xdr:spPr>
        <a:xfrm>
          <a:off x="19443700" y="581939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843</xdr:rowOff>
    </xdr:from>
    <xdr:ext cx="469744" cy="259045"/>
    <xdr:sp macro="" textlink="">
      <xdr:nvSpPr>
        <xdr:cNvPr id="476" name="【認定こども園・幼稚園・保育所】&#10;一人当たり面積平均値テキスト">
          <a:extLst>
            <a:ext uri="{FF2B5EF4-FFF2-40B4-BE49-F238E27FC236}">
              <a16:creationId xmlns:a16="http://schemas.microsoft.com/office/drawing/2014/main" id="{D32B247E-6995-432B-B3CC-AA22FF4E70AD}"/>
            </a:ext>
          </a:extLst>
        </xdr:cNvPr>
        <xdr:cNvSpPr txBox="1"/>
      </xdr:nvSpPr>
      <xdr:spPr>
        <a:xfrm>
          <a:off x="19547840" y="65428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53416</xdr:rowOff>
    </xdr:from>
    <xdr:to>
      <xdr:col>116</xdr:col>
      <xdr:colOff>114300</xdr:colOff>
      <xdr:row>40</xdr:row>
      <xdr:rowOff>83566</xdr:rowOff>
    </xdr:to>
    <xdr:sp macro="" textlink="">
      <xdr:nvSpPr>
        <xdr:cNvPr id="477" name="フローチャート: 判断 476">
          <a:extLst>
            <a:ext uri="{FF2B5EF4-FFF2-40B4-BE49-F238E27FC236}">
              <a16:creationId xmlns:a16="http://schemas.microsoft.com/office/drawing/2014/main" id="{37C411D3-E249-4813-B4F9-B712DB54C780}"/>
            </a:ext>
          </a:extLst>
        </xdr:cNvPr>
        <xdr:cNvSpPr/>
      </xdr:nvSpPr>
      <xdr:spPr>
        <a:xfrm>
          <a:off x="19458940" y="669137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46558</xdr:rowOff>
    </xdr:from>
    <xdr:to>
      <xdr:col>112</xdr:col>
      <xdr:colOff>38100</xdr:colOff>
      <xdr:row>40</xdr:row>
      <xdr:rowOff>76708</xdr:rowOff>
    </xdr:to>
    <xdr:sp macro="" textlink="">
      <xdr:nvSpPr>
        <xdr:cNvPr id="478" name="フローチャート: 判断 477">
          <a:extLst>
            <a:ext uri="{FF2B5EF4-FFF2-40B4-BE49-F238E27FC236}">
              <a16:creationId xmlns:a16="http://schemas.microsoft.com/office/drawing/2014/main" id="{6B3EC74A-0BE8-4D89-B900-09B794BDAE5A}"/>
            </a:ext>
          </a:extLst>
        </xdr:cNvPr>
        <xdr:cNvSpPr/>
      </xdr:nvSpPr>
      <xdr:spPr>
        <a:xfrm>
          <a:off x="18735040" y="668451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9700</xdr:rowOff>
    </xdr:from>
    <xdr:to>
      <xdr:col>107</xdr:col>
      <xdr:colOff>101600</xdr:colOff>
      <xdr:row>40</xdr:row>
      <xdr:rowOff>69850</xdr:rowOff>
    </xdr:to>
    <xdr:sp macro="" textlink="">
      <xdr:nvSpPr>
        <xdr:cNvPr id="479" name="フローチャート: 判断 478">
          <a:extLst>
            <a:ext uri="{FF2B5EF4-FFF2-40B4-BE49-F238E27FC236}">
              <a16:creationId xmlns:a16="http://schemas.microsoft.com/office/drawing/2014/main" id="{93879DC6-524A-4320-BC6B-8F5E6C98A182}"/>
            </a:ext>
          </a:extLst>
        </xdr:cNvPr>
        <xdr:cNvSpPr/>
      </xdr:nvSpPr>
      <xdr:spPr>
        <a:xfrm>
          <a:off x="17937480" y="66776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21412</xdr:rowOff>
    </xdr:from>
    <xdr:to>
      <xdr:col>102</xdr:col>
      <xdr:colOff>165100</xdr:colOff>
      <xdr:row>40</xdr:row>
      <xdr:rowOff>51562</xdr:rowOff>
    </xdr:to>
    <xdr:sp macro="" textlink="">
      <xdr:nvSpPr>
        <xdr:cNvPr id="480" name="フローチャート: 判断 479">
          <a:extLst>
            <a:ext uri="{FF2B5EF4-FFF2-40B4-BE49-F238E27FC236}">
              <a16:creationId xmlns:a16="http://schemas.microsoft.com/office/drawing/2014/main" id="{97F9A9E2-1E92-4A75-97CE-75F0550B9B1C}"/>
            </a:ext>
          </a:extLst>
        </xdr:cNvPr>
        <xdr:cNvSpPr/>
      </xdr:nvSpPr>
      <xdr:spPr>
        <a:xfrm>
          <a:off x="17162780" y="665937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2842</xdr:rowOff>
    </xdr:from>
    <xdr:to>
      <xdr:col>98</xdr:col>
      <xdr:colOff>38100</xdr:colOff>
      <xdr:row>40</xdr:row>
      <xdr:rowOff>62992</xdr:rowOff>
    </xdr:to>
    <xdr:sp macro="" textlink="">
      <xdr:nvSpPr>
        <xdr:cNvPr id="481" name="フローチャート: 判断 480">
          <a:extLst>
            <a:ext uri="{FF2B5EF4-FFF2-40B4-BE49-F238E27FC236}">
              <a16:creationId xmlns:a16="http://schemas.microsoft.com/office/drawing/2014/main" id="{F59266F1-EC1C-43EC-8717-90BA64D046E6}"/>
            </a:ext>
          </a:extLst>
        </xdr:cNvPr>
        <xdr:cNvSpPr/>
      </xdr:nvSpPr>
      <xdr:spPr>
        <a:xfrm>
          <a:off x="16388080" y="667080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id="{04F4E1C0-C94A-41E8-9E3A-0B3A2E6F9CE7}"/>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0E592242-DF8E-4F49-BD85-119BF7E0360F}"/>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51E255DF-F8AD-4B44-94C3-AE66D9C8E7BB}"/>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9DD03C7B-8121-487E-8BDA-8AAC2F8489DC}"/>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2277CE2C-81BB-43D8-9099-A5EA06937E63}"/>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5974</xdr:rowOff>
    </xdr:from>
    <xdr:to>
      <xdr:col>116</xdr:col>
      <xdr:colOff>114300</xdr:colOff>
      <xdr:row>41</xdr:row>
      <xdr:rowOff>147574</xdr:rowOff>
    </xdr:to>
    <xdr:sp macro="" textlink="">
      <xdr:nvSpPr>
        <xdr:cNvPr id="487" name="楕円 486">
          <a:extLst>
            <a:ext uri="{FF2B5EF4-FFF2-40B4-BE49-F238E27FC236}">
              <a16:creationId xmlns:a16="http://schemas.microsoft.com/office/drawing/2014/main" id="{94C52147-77D6-4185-BD88-32C849562D06}"/>
            </a:ext>
          </a:extLst>
        </xdr:cNvPr>
        <xdr:cNvSpPr/>
      </xdr:nvSpPr>
      <xdr:spPr>
        <a:xfrm>
          <a:off x="19458940" y="691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32351</xdr:rowOff>
    </xdr:from>
    <xdr:ext cx="469744" cy="259045"/>
    <xdr:sp macro="" textlink="">
      <xdr:nvSpPr>
        <xdr:cNvPr id="488" name="【認定こども園・幼稚園・保育所】&#10;一人当たり面積該当値テキスト">
          <a:extLst>
            <a:ext uri="{FF2B5EF4-FFF2-40B4-BE49-F238E27FC236}">
              <a16:creationId xmlns:a16="http://schemas.microsoft.com/office/drawing/2014/main" id="{CE6C5B53-ED1F-40A2-A0D2-AB8DA9C6C4B6}"/>
            </a:ext>
          </a:extLst>
        </xdr:cNvPr>
        <xdr:cNvSpPr txBox="1"/>
      </xdr:nvSpPr>
      <xdr:spPr>
        <a:xfrm>
          <a:off x="19547840" y="6837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45974</xdr:rowOff>
    </xdr:from>
    <xdr:to>
      <xdr:col>112</xdr:col>
      <xdr:colOff>38100</xdr:colOff>
      <xdr:row>41</xdr:row>
      <xdr:rowOff>147574</xdr:rowOff>
    </xdr:to>
    <xdr:sp macro="" textlink="">
      <xdr:nvSpPr>
        <xdr:cNvPr id="489" name="楕円 488">
          <a:extLst>
            <a:ext uri="{FF2B5EF4-FFF2-40B4-BE49-F238E27FC236}">
              <a16:creationId xmlns:a16="http://schemas.microsoft.com/office/drawing/2014/main" id="{0CF70F92-8D74-49B5-A2F7-E704A481ECFD}"/>
            </a:ext>
          </a:extLst>
        </xdr:cNvPr>
        <xdr:cNvSpPr/>
      </xdr:nvSpPr>
      <xdr:spPr>
        <a:xfrm>
          <a:off x="18735040" y="69192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96774</xdr:rowOff>
    </xdr:from>
    <xdr:to>
      <xdr:col>116</xdr:col>
      <xdr:colOff>63500</xdr:colOff>
      <xdr:row>41</xdr:row>
      <xdr:rowOff>96774</xdr:rowOff>
    </xdr:to>
    <xdr:cxnSp macro="">
      <xdr:nvCxnSpPr>
        <xdr:cNvPr id="490" name="直線コネクタ 489">
          <a:extLst>
            <a:ext uri="{FF2B5EF4-FFF2-40B4-BE49-F238E27FC236}">
              <a16:creationId xmlns:a16="http://schemas.microsoft.com/office/drawing/2014/main" id="{34CDBE8D-01E8-46EA-ACCD-5027FB6278F3}"/>
            </a:ext>
          </a:extLst>
        </xdr:cNvPr>
        <xdr:cNvCxnSpPr/>
      </xdr:nvCxnSpPr>
      <xdr:spPr>
        <a:xfrm>
          <a:off x="18778220" y="697001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45974</xdr:rowOff>
    </xdr:from>
    <xdr:to>
      <xdr:col>107</xdr:col>
      <xdr:colOff>101600</xdr:colOff>
      <xdr:row>41</xdr:row>
      <xdr:rowOff>147574</xdr:rowOff>
    </xdr:to>
    <xdr:sp macro="" textlink="">
      <xdr:nvSpPr>
        <xdr:cNvPr id="491" name="楕円 490">
          <a:extLst>
            <a:ext uri="{FF2B5EF4-FFF2-40B4-BE49-F238E27FC236}">
              <a16:creationId xmlns:a16="http://schemas.microsoft.com/office/drawing/2014/main" id="{AA9CF3C1-7395-4890-99B9-AA8ED6AAD685}"/>
            </a:ext>
          </a:extLst>
        </xdr:cNvPr>
        <xdr:cNvSpPr/>
      </xdr:nvSpPr>
      <xdr:spPr>
        <a:xfrm>
          <a:off x="17937480" y="691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96774</xdr:rowOff>
    </xdr:from>
    <xdr:to>
      <xdr:col>111</xdr:col>
      <xdr:colOff>177800</xdr:colOff>
      <xdr:row>41</xdr:row>
      <xdr:rowOff>96774</xdr:rowOff>
    </xdr:to>
    <xdr:cxnSp macro="">
      <xdr:nvCxnSpPr>
        <xdr:cNvPr id="492" name="直線コネクタ 491">
          <a:extLst>
            <a:ext uri="{FF2B5EF4-FFF2-40B4-BE49-F238E27FC236}">
              <a16:creationId xmlns:a16="http://schemas.microsoft.com/office/drawing/2014/main" id="{26A7A97F-35B1-4A67-8B49-0C80B23E04B7}"/>
            </a:ext>
          </a:extLst>
        </xdr:cNvPr>
        <xdr:cNvCxnSpPr/>
      </xdr:nvCxnSpPr>
      <xdr:spPr>
        <a:xfrm>
          <a:off x="17988280" y="697001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45974</xdr:rowOff>
    </xdr:from>
    <xdr:to>
      <xdr:col>102</xdr:col>
      <xdr:colOff>165100</xdr:colOff>
      <xdr:row>41</xdr:row>
      <xdr:rowOff>147574</xdr:rowOff>
    </xdr:to>
    <xdr:sp macro="" textlink="">
      <xdr:nvSpPr>
        <xdr:cNvPr id="493" name="楕円 492">
          <a:extLst>
            <a:ext uri="{FF2B5EF4-FFF2-40B4-BE49-F238E27FC236}">
              <a16:creationId xmlns:a16="http://schemas.microsoft.com/office/drawing/2014/main" id="{61B42F3B-A981-4E9D-8E01-0DFDAD566B5C}"/>
            </a:ext>
          </a:extLst>
        </xdr:cNvPr>
        <xdr:cNvSpPr/>
      </xdr:nvSpPr>
      <xdr:spPr>
        <a:xfrm>
          <a:off x="17162780" y="691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96774</xdr:rowOff>
    </xdr:from>
    <xdr:to>
      <xdr:col>107</xdr:col>
      <xdr:colOff>50800</xdr:colOff>
      <xdr:row>41</xdr:row>
      <xdr:rowOff>96774</xdr:rowOff>
    </xdr:to>
    <xdr:cxnSp macro="">
      <xdr:nvCxnSpPr>
        <xdr:cNvPr id="494" name="直線コネクタ 493">
          <a:extLst>
            <a:ext uri="{FF2B5EF4-FFF2-40B4-BE49-F238E27FC236}">
              <a16:creationId xmlns:a16="http://schemas.microsoft.com/office/drawing/2014/main" id="{0B325045-DDF1-4E1D-87F7-72F7949B2B9A}"/>
            </a:ext>
          </a:extLst>
        </xdr:cNvPr>
        <xdr:cNvCxnSpPr/>
      </xdr:nvCxnSpPr>
      <xdr:spPr>
        <a:xfrm>
          <a:off x="17213580" y="697001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45974</xdr:rowOff>
    </xdr:from>
    <xdr:to>
      <xdr:col>98</xdr:col>
      <xdr:colOff>38100</xdr:colOff>
      <xdr:row>41</xdr:row>
      <xdr:rowOff>147574</xdr:rowOff>
    </xdr:to>
    <xdr:sp macro="" textlink="">
      <xdr:nvSpPr>
        <xdr:cNvPr id="495" name="楕円 494">
          <a:extLst>
            <a:ext uri="{FF2B5EF4-FFF2-40B4-BE49-F238E27FC236}">
              <a16:creationId xmlns:a16="http://schemas.microsoft.com/office/drawing/2014/main" id="{A86931E2-81A2-4C0E-BFBD-5090B5DA983B}"/>
            </a:ext>
          </a:extLst>
        </xdr:cNvPr>
        <xdr:cNvSpPr/>
      </xdr:nvSpPr>
      <xdr:spPr>
        <a:xfrm>
          <a:off x="16388080" y="69192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96774</xdr:rowOff>
    </xdr:from>
    <xdr:to>
      <xdr:col>102</xdr:col>
      <xdr:colOff>114300</xdr:colOff>
      <xdr:row>41</xdr:row>
      <xdr:rowOff>96774</xdr:rowOff>
    </xdr:to>
    <xdr:cxnSp macro="">
      <xdr:nvCxnSpPr>
        <xdr:cNvPr id="496" name="直線コネクタ 495">
          <a:extLst>
            <a:ext uri="{FF2B5EF4-FFF2-40B4-BE49-F238E27FC236}">
              <a16:creationId xmlns:a16="http://schemas.microsoft.com/office/drawing/2014/main" id="{13966C13-9EDC-44D2-8B20-DEA716D0E164}"/>
            </a:ext>
          </a:extLst>
        </xdr:cNvPr>
        <xdr:cNvCxnSpPr/>
      </xdr:nvCxnSpPr>
      <xdr:spPr>
        <a:xfrm>
          <a:off x="16431260" y="697001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93235</xdr:rowOff>
    </xdr:from>
    <xdr:ext cx="469744" cy="259045"/>
    <xdr:sp macro="" textlink="">
      <xdr:nvSpPr>
        <xdr:cNvPr id="497" name="n_1aveValue【認定こども園・幼稚園・保育所】&#10;一人当たり面積">
          <a:extLst>
            <a:ext uri="{FF2B5EF4-FFF2-40B4-BE49-F238E27FC236}">
              <a16:creationId xmlns:a16="http://schemas.microsoft.com/office/drawing/2014/main" id="{3BDD138D-5C56-4A81-BB1C-6EEA1067D375}"/>
            </a:ext>
          </a:extLst>
        </xdr:cNvPr>
        <xdr:cNvSpPr txBox="1"/>
      </xdr:nvSpPr>
      <xdr:spPr>
        <a:xfrm>
          <a:off x="18561127" y="6463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86377</xdr:rowOff>
    </xdr:from>
    <xdr:ext cx="469744" cy="259045"/>
    <xdr:sp macro="" textlink="">
      <xdr:nvSpPr>
        <xdr:cNvPr id="498" name="n_2aveValue【認定こども園・幼稚園・保育所】&#10;一人当たり面積">
          <a:extLst>
            <a:ext uri="{FF2B5EF4-FFF2-40B4-BE49-F238E27FC236}">
              <a16:creationId xmlns:a16="http://schemas.microsoft.com/office/drawing/2014/main" id="{B9A1FD5F-B259-431C-9D4B-71AAF7055929}"/>
            </a:ext>
          </a:extLst>
        </xdr:cNvPr>
        <xdr:cNvSpPr txBox="1"/>
      </xdr:nvSpPr>
      <xdr:spPr>
        <a:xfrm>
          <a:off x="17776267" y="645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68089</xdr:rowOff>
    </xdr:from>
    <xdr:ext cx="469744" cy="259045"/>
    <xdr:sp macro="" textlink="">
      <xdr:nvSpPr>
        <xdr:cNvPr id="499" name="n_3aveValue【認定こども園・幼稚園・保育所】&#10;一人当たり面積">
          <a:extLst>
            <a:ext uri="{FF2B5EF4-FFF2-40B4-BE49-F238E27FC236}">
              <a16:creationId xmlns:a16="http://schemas.microsoft.com/office/drawing/2014/main" id="{EF37EDD2-9D2C-4875-89A7-8FEBFB4E2234}"/>
            </a:ext>
          </a:extLst>
        </xdr:cNvPr>
        <xdr:cNvSpPr txBox="1"/>
      </xdr:nvSpPr>
      <xdr:spPr>
        <a:xfrm>
          <a:off x="17001567" y="6438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79519</xdr:rowOff>
    </xdr:from>
    <xdr:ext cx="469744" cy="259045"/>
    <xdr:sp macro="" textlink="">
      <xdr:nvSpPr>
        <xdr:cNvPr id="500" name="n_4aveValue【認定こども園・幼稚園・保育所】&#10;一人当たり面積">
          <a:extLst>
            <a:ext uri="{FF2B5EF4-FFF2-40B4-BE49-F238E27FC236}">
              <a16:creationId xmlns:a16="http://schemas.microsoft.com/office/drawing/2014/main" id="{B9C099D0-E1D5-4D07-9DED-D84305CFAD06}"/>
            </a:ext>
          </a:extLst>
        </xdr:cNvPr>
        <xdr:cNvSpPr txBox="1"/>
      </xdr:nvSpPr>
      <xdr:spPr>
        <a:xfrm>
          <a:off x="16226867" y="6449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38701</xdr:rowOff>
    </xdr:from>
    <xdr:ext cx="469744" cy="259045"/>
    <xdr:sp macro="" textlink="">
      <xdr:nvSpPr>
        <xdr:cNvPr id="501" name="n_1mainValue【認定こども園・幼稚園・保育所】&#10;一人当たり面積">
          <a:extLst>
            <a:ext uri="{FF2B5EF4-FFF2-40B4-BE49-F238E27FC236}">
              <a16:creationId xmlns:a16="http://schemas.microsoft.com/office/drawing/2014/main" id="{C339B77A-6B46-4458-9F0E-7DA5B39E13E7}"/>
            </a:ext>
          </a:extLst>
        </xdr:cNvPr>
        <xdr:cNvSpPr txBox="1"/>
      </xdr:nvSpPr>
      <xdr:spPr>
        <a:xfrm>
          <a:off x="1856112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38701</xdr:rowOff>
    </xdr:from>
    <xdr:ext cx="469744" cy="259045"/>
    <xdr:sp macro="" textlink="">
      <xdr:nvSpPr>
        <xdr:cNvPr id="502" name="n_2mainValue【認定こども園・幼稚園・保育所】&#10;一人当たり面積">
          <a:extLst>
            <a:ext uri="{FF2B5EF4-FFF2-40B4-BE49-F238E27FC236}">
              <a16:creationId xmlns:a16="http://schemas.microsoft.com/office/drawing/2014/main" id="{B2A29E83-534E-4AE1-B13F-90F94FE969CE}"/>
            </a:ext>
          </a:extLst>
        </xdr:cNvPr>
        <xdr:cNvSpPr txBox="1"/>
      </xdr:nvSpPr>
      <xdr:spPr>
        <a:xfrm>
          <a:off x="1777626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38701</xdr:rowOff>
    </xdr:from>
    <xdr:ext cx="469744" cy="259045"/>
    <xdr:sp macro="" textlink="">
      <xdr:nvSpPr>
        <xdr:cNvPr id="503" name="n_3mainValue【認定こども園・幼稚園・保育所】&#10;一人当たり面積">
          <a:extLst>
            <a:ext uri="{FF2B5EF4-FFF2-40B4-BE49-F238E27FC236}">
              <a16:creationId xmlns:a16="http://schemas.microsoft.com/office/drawing/2014/main" id="{81593445-32E7-4B7C-9DD7-0CCB9BCA38FA}"/>
            </a:ext>
          </a:extLst>
        </xdr:cNvPr>
        <xdr:cNvSpPr txBox="1"/>
      </xdr:nvSpPr>
      <xdr:spPr>
        <a:xfrm>
          <a:off x="1700156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38701</xdr:rowOff>
    </xdr:from>
    <xdr:ext cx="469744" cy="259045"/>
    <xdr:sp macro="" textlink="">
      <xdr:nvSpPr>
        <xdr:cNvPr id="504" name="n_4mainValue【認定こども園・幼稚園・保育所】&#10;一人当たり面積">
          <a:extLst>
            <a:ext uri="{FF2B5EF4-FFF2-40B4-BE49-F238E27FC236}">
              <a16:creationId xmlns:a16="http://schemas.microsoft.com/office/drawing/2014/main" id="{AA2B9E6C-502E-4651-94BC-0AA5C7657E0D}"/>
            </a:ext>
          </a:extLst>
        </xdr:cNvPr>
        <xdr:cNvSpPr txBox="1"/>
      </xdr:nvSpPr>
      <xdr:spPr>
        <a:xfrm>
          <a:off x="1622686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5" name="正方形/長方形 504">
          <a:extLst>
            <a:ext uri="{FF2B5EF4-FFF2-40B4-BE49-F238E27FC236}">
              <a16:creationId xmlns:a16="http://schemas.microsoft.com/office/drawing/2014/main" id="{5BD290E5-75FF-4AC8-9A40-057BED2E2B78}"/>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6" name="正方形/長方形 505">
          <a:extLst>
            <a:ext uri="{FF2B5EF4-FFF2-40B4-BE49-F238E27FC236}">
              <a16:creationId xmlns:a16="http://schemas.microsoft.com/office/drawing/2014/main" id="{B8CA757A-65D0-4401-BD14-0AF018D65045}"/>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7" name="正方形/長方形 506">
          <a:extLst>
            <a:ext uri="{FF2B5EF4-FFF2-40B4-BE49-F238E27FC236}">
              <a16:creationId xmlns:a16="http://schemas.microsoft.com/office/drawing/2014/main" id="{10C33DA7-C6E9-4CD1-8910-DB8626A044EE}"/>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8" name="正方形/長方形 507">
          <a:extLst>
            <a:ext uri="{FF2B5EF4-FFF2-40B4-BE49-F238E27FC236}">
              <a16:creationId xmlns:a16="http://schemas.microsoft.com/office/drawing/2014/main" id="{01520941-7B2F-40DA-A002-BCFB89E73C37}"/>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9" name="正方形/長方形 508">
          <a:extLst>
            <a:ext uri="{FF2B5EF4-FFF2-40B4-BE49-F238E27FC236}">
              <a16:creationId xmlns:a16="http://schemas.microsoft.com/office/drawing/2014/main" id="{AD929BA6-ACC8-424E-A063-C2307C33E57A}"/>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0" name="正方形/長方形 509">
          <a:extLst>
            <a:ext uri="{FF2B5EF4-FFF2-40B4-BE49-F238E27FC236}">
              <a16:creationId xmlns:a16="http://schemas.microsoft.com/office/drawing/2014/main" id="{E6FCA9DC-3E98-46F7-9CFB-500C62713B11}"/>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1" name="正方形/長方形 510">
          <a:extLst>
            <a:ext uri="{FF2B5EF4-FFF2-40B4-BE49-F238E27FC236}">
              <a16:creationId xmlns:a16="http://schemas.microsoft.com/office/drawing/2014/main" id="{64716C4A-E287-4C5A-857C-03815ECD1E58}"/>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2" name="正方形/長方形 511">
          <a:extLst>
            <a:ext uri="{FF2B5EF4-FFF2-40B4-BE49-F238E27FC236}">
              <a16:creationId xmlns:a16="http://schemas.microsoft.com/office/drawing/2014/main" id="{4BF4AB10-FC7F-4056-B1D8-72C01F8A4F95}"/>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3" name="テキスト ボックス 512">
          <a:extLst>
            <a:ext uri="{FF2B5EF4-FFF2-40B4-BE49-F238E27FC236}">
              <a16:creationId xmlns:a16="http://schemas.microsoft.com/office/drawing/2014/main" id="{C9A13DA2-C1BD-41E4-91C1-83273CA3EA67}"/>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4" name="直線コネクタ 513">
          <a:extLst>
            <a:ext uri="{FF2B5EF4-FFF2-40B4-BE49-F238E27FC236}">
              <a16:creationId xmlns:a16="http://schemas.microsoft.com/office/drawing/2014/main" id="{0C8712EA-FF59-4C52-8E65-B2AE5906AF85}"/>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5" name="テキスト ボックス 514">
          <a:extLst>
            <a:ext uri="{FF2B5EF4-FFF2-40B4-BE49-F238E27FC236}">
              <a16:creationId xmlns:a16="http://schemas.microsoft.com/office/drawing/2014/main" id="{F82FBB8A-4040-4FD9-9FD1-D5E94A437D2D}"/>
            </a:ext>
          </a:extLst>
        </xdr:cNvPr>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16" name="直線コネクタ 515">
          <a:extLst>
            <a:ext uri="{FF2B5EF4-FFF2-40B4-BE49-F238E27FC236}">
              <a16:creationId xmlns:a16="http://schemas.microsoft.com/office/drawing/2014/main" id="{916F7F72-8A4D-46F8-8151-4FF2C6149E6F}"/>
            </a:ext>
          </a:extLst>
        </xdr:cNvPr>
        <xdr:cNvCxnSpPr/>
      </xdr:nvCxnSpPr>
      <xdr:spPr>
        <a:xfrm>
          <a:off x="10960100" y="107289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517" name="テキスト ボックス 516">
          <a:extLst>
            <a:ext uri="{FF2B5EF4-FFF2-40B4-BE49-F238E27FC236}">
              <a16:creationId xmlns:a16="http://schemas.microsoft.com/office/drawing/2014/main" id="{2188076F-1510-4FAE-BC92-43915F3D680D}"/>
            </a:ext>
          </a:extLst>
        </xdr:cNvPr>
        <xdr:cNvSpPr txBox="1"/>
      </xdr:nvSpPr>
      <xdr:spPr>
        <a:xfrm>
          <a:off x="10561501" y="10590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18" name="直線コネクタ 517">
          <a:extLst>
            <a:ext uri="{FF2B5EF4-FFF2-40B4-BE49-F238E27FC236}">
              <a16:creationId xmlns:a16="http://schemas.microsoft.com/office/drawing/2014/main" id="{AB42489A-4F72-4FB3-9EEC-600DAA6F020C}"/>
            </a:ext>
          </a:extLst>
        </xdr:cNvPr>
        <xdr:cNvCxnSpPr/>
      </xdr:nvCxnSpPr>
      <xdr:spPr>
        <a:xfrm>
          <a:off x="10960100" y="102831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19" name="テキスト ボックス 518">
          <a:extLst>
            <a:ext uri="{FF2B5EF4-FFF2-40B4-BE49-F238E27FC236}">
              <a16:creationId xmlns:a16="http://schemas.microsoft.com/office/drawing/2014/main" id="{E1767B6E-7435-4136-BBF4-E1504062D6EF}"/>
            </a:ext>
          </a:extLst>
        </xdr:cNvPr>
        <xdr:cNvSpPr txBox="1"/>
      </xdr:nvSpPr>
      <xdr:spPr>
        <a:xfrm>
          <a:off x="1060276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20" name="直線コネクタ 519">
          <a:extLst>
            <a:ext uri="{FF2B5EF4-FFF2-40B4-BE49-F238E27FC236}">
              <a16:creationId xmlns:a16="http://schemas.microsoft.com/office/drawing/2014/main" id="{EBCB0E16-BA5D-4A28-B08D-CB770DAD86F5}"/>
            </a:ext>
          </a:extLst>
        </xdr:cNvPr>
        <xdr:cNvCxnSpPr/>
      </xdr:nvCxnSpPr>
      <xdr:spPr>
        <a:xfrm>
          <a:off x="10960100" y="98374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21" name="テキスト ボックス 520">
          <a:extLst>
            <a:ext uri="{FF2B5EF4-FFF2-40B4-BE49-F238E27FC236}">
              <a16:creationId xmlns:a16="http://schemas.microsoft.com/office/drawing/2014/main" id="{5CBD14DC-F5C1-4D27-8720-27288EA8E2AF}"/>
            </a:ext>
          </a:extLst>
        </xdr:cNvPr>
        <xdr:cNvSpPr txBox="1"/>
      </xdr:nvSpPr>
      <xdr:spPr>
        <a:xfrm>
          <a:off x="10602761" y="96990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2" name="直線コネクタ 521">
          <a:extLst>
            <a:ext uri="{FF2B5EF4-FFF2-40B4-BE49-F238E27FC236}">
              <a16:creationId xmlns:a16="http://schemas.microsoft.com/office/drawing/2014/main" id="{BCDCA01B-2E32-46F2-9006-55ACB6F5B866}"/>
            </a:ext>
          </a:extLst>
        </xdr:cNvPr>
        <xdr:cNvCxnSpPr/>
      </xdr:nvCxnSpPr>
      <xdr:spPr>
        <a:xfrm>
          <a:off x="10960100" y="93878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3" name="テキスト ボックス 522">
          <a:extLst>
            <a:ext uri="{FF2B5EF4-FFF2-40B4-BE49-F238E27FC236}">
              <a16:creationId xmlns:a16="http://schemas.microsoft.com/office/drawing/2014/main" id="{7BE3DBA3-258D-4273-96B5-1BC9C6C96D7A}"/>
            </a:ext>
          </a:extLst>
        </xdr:cNvPr>
        <xdr:cNvSpPr txBox="1"/>
      </xdr:nvSpPr>
      <xdr:spPr>
        <a:xfrm>
          <a:off x="10602761" y="9249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4" name="直線コネクタ 523">
          <a:extLst>
            <a:ext uri="{FF2B5EF4-FFF2-40B4-BE49-F238E27FC236}">
              <a16:creationId xmlns:a16="http://schemas.microsoft.com/office/drawing/2014/main" id="{854BB74B-FA73-4A38-8CFE-7B97EEEADB21}"/>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5" name="テキスト ボックス 524">
          <a:extLst>
            <a:ext uri="{FF2B5EF4-FFF2-40B4-BE49-F238E27FC236}">
              <a16:creationId xmlns:a16="http://schemas.microsoft.com/office/drawing/2014/main" id="{50B2438C-DDDC-4CB6-B4E6-043DE2C11D73}"/>
            </a:ext>
          </a:extLst>
        </xdr:cNvPr>
        <xdr:cNvSpPr txBox="1"/>
      </xdr:nvSpPr>
      <xdr:spPr>
        <a:xfrm>
          <a:off x="1060276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6" name="【学校施設】&#10;有形固定資産減価償却率グラフ枠">
          <a:extLst>
            <a:ext uri="{FF2B5EF4-FFF2-40B4-BE49-F238E27FC236}">
              <a16:creationId xmlns:a16="http://schemas.microsoft.com/office/drawing/2014/main" id="{1F18462F-97BD-41AC-994E-861D634BECCA}"/>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866</xdr:rowOff>
    </xdr:from>
    <xdr:to>
      <xdr:col>85</xdr:col>
      <xdr:colOff>126364</xdr:colOff>
      <xdr:row>62</xdr:row>
      <xdr:rowOff>125730</xdr:rowOff>
    </xdr:to>
    <xdr:cxnSp macro="">
      <xdr:nvCxnSpPr>
        <xdr:cNvPr id="527" name="直線コネクタ 526">
          <a:extLst>
            <a:ext uri="{FF2B5EF4-FFF2-40B4-BE49-F238E27FC236}">
              <a16:creationId xmlns:a16="http://schemas.microsoft.com/office/drawing/2014/main" id="{F8D25B04-EB7A-4AB8-BDF2-BDAA350B0D62}"/>
            </a:ext>
          </a:extLst>
        </xdr:cNvPr>
        <xdr:cNvCxnSpPr/>
      </xdr:nvCxnSpPr>
      <xdr:spPr>
        <a:xfrm flipV="1">
          <a:off x="14375764" y="9291066"/>
          <a:ext cx="0" cy="12283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29557</xdr:rowOff>
    </xdr:from>
    <xdr:ext cx="405111" cy="259045"/>
    <xdr:sp macro="" textlink="">
      <xdr:nvSpPr>
        <xdr:cNvPr id="528" name="【学校施設】&#10;有形固定資産減価償却率最小値テキスト">
          <a:extLst>
            <a:ext uri="{FF2B5EF4-FFF2-40B4-BE49-F238E27FC236}">
              <a16:creationId xmlns:a16="http://schemas.microsoft.com/office/drawing/2014/main" id="{A952A1D4-81FD-448E-BC0F-A83871D3D980}"/>
            </a:ext>
          </a:extLst>
        </xdr:cNvPr>
        <xdr:cNvSpPr txBox="1"/>
      </xdr:nvSpPr>
      <xdr:spPr>
        <a:xfrm>
          <a:off x="14414500" y="1052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25730</xdr:rowOff>
    </xdr:from>
    <xdr:to>
      <xdr:col>86</xdr:col>
      <xdr:colOff>25400</xdr:colOff>
      <xdr:row>62</xdr:row>
      <xdr:rowOff>125730</xdr:rowOff>
    </xdr:to>
    <xdr:cxnSp macro="">
      <xdr:nvCxnSpPr>
        <xdr:cNvPr id="529" name="直線コネクタ 528">
          <a:extLst>
            <a:ext uri="{FF2B5EF4-FFF2-40B4-BE49-F238E27FC236}">
              <a16:creationId xmlns:a16="http://schemas.microsoft.com/office/drawing/2014/main" id="{B313588D-7AA4-42BC-8A0C-682F67ECAF88}"/>
            </a:ext>
          </a:extLst>
        </xdr:cNvPr>
        <xdr:cNvCxnSpPr/>
      </xdr:nvCxnSpPr>
      <xdr:spPr>
        <a:xfrm>
          <a:off x="14287500" y="105194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543</xdr:rowOff>
    </xdr:from>
    <xdr:ext cx="405111" cy="259045"/>
    <xdr:sp macro="" textlink="">
      <xdr:nvSpPr>
        <xdr:cNvPr id="530" name="【学校施設】&#10;有形固定資産減価償却率最大値テキスト">
          <a:extLst>
            <a:ext uri="{FF2B5EF4-FFF2-40B4-BE49-F238E27FC236}">
              <a16:creationId xmlns:a16="http://schemas.microsoft.com/office/drawing/2014/main" id="{F82655BD-CCE6-48E0-9E52-38EBD76CCEA5}"/>
            </a:ext>
          </a:extLst>
        </xdr:cNvPr>
        <xdr:cNvSpPr txBox="1"/>
      </xdr:nvSpPr>
      <xdr:spPr>
        <a:xfrm>
          <a:off x="14414500" y="9070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866</xdr:rowOff>
    </xdr:from>
    <xdr:to>
      <xdr:col>86</xdr:col>
      <xdr:colOff>25400</xdr:colOff>
      <xdr:row>55</xdr:row>
      <xdr:rowOff>70866</xdr:rowOff>
    </xdr:to>
    <xdr:cxnSp macro="">
      <xdr:nvCxnSpPr>
        <xdr:cNvPr id="531" name="直線コネクタ 530">
          <a:extLst>
            <a:ext uri="{FF2B5EF4-FFF2-40B4-BE49-F238E27FC236}">
              <a16:creationId xmlns:a16="http://schemas.microsoft.com/office/drawing/2014/main" id="{7C3489F2-FBAF-4113-8298-C0826295CF1A}"/>
            </a:ext>
          </a:extLst>
        </xdr:cNvPr>
        <xdr:cNvCxnSpPr/>
      </xdr:nvCxnSpPr>
      <xdr:spPr>
        <a:xfrm>
          <a:off x="14287500" y="929106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42943</xdr:rowOff>
    </xdr:from>
    <xdr:ext cx="405111" cy="259045"/>
    <xdr:sp macro="" textlink="">
      <xdr:nvSpPr>
        <xdr:cNvPr id="532" name="【学校施設】&#10;有形固定資産減価償却率平均値テキスト">
          <a:extLst>
            <a:ext uri="{FF2B5EF4-FFF2-40B4-BE49-F238E27FC236}">
              <a16:creationId xmlns:a16="http://schemas.microsoft.com/office/drawing/2014/main" id="{E55967BE-5AD4-46BA-9AEC-0F273915A477}"/>
            </a:ext>
          </a:extLst>
        </xdr:cNvPr>
        <xdr:cNvSpPr txBox="1"/>
      </xdr:nvSpPr>
      <xdr:spPr>
        <a:xfrm>
          <a:off x="14414500" y="97660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20066</xdr:rowOff>
    </xdr:from>
    <xdr:to>
      <xdr:col>85</xdr:col>
      <xdr:colOff>177800</xdr:colOff>
      <xdr:row>59</xdr:row>
      <xdr:rowOff>121666</xdr:rowOff>
    </xdr:to>
    <xdr:sp macro="" textlink="">
      <xdr:nvSpPr>
        <xdr:cNvPr id="533" name="フローチャート: 判断 532">
          <a:extLst>
            <a:ext uri="{FF2B5EF4-FFF2-40B4-BE49-F238E27FC236}">
              <a16:creationId xmlns:a16="http://schemas.microsoft.com/office/drawing/2014/main" id="{5D3C38B0-BA12-4E82-9F9A-9393AB377387}"/>
            </a:ext>
          </a:extLst>
        </xdr:cNvPr>
        <xdr:cNvSpPr/>
      </xdr:nvSpPr>
      <xdr:spPr>
        <a:xfrm>
          <a:off x="14325600" y="9910826"/>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57226</xdr:rowOff>
    </xdr:from>
    <xdr:to>
      <xdr:col>81</xdr:col>
      <xdr:colOff>101600</xdr:colOff>
      <xdr:row>59</xdr:row>
      <xdr:rowOff>87376</xdr:rowOff>
    </xdr:to>
    <xdr:sp macro="" textlink="">
      <xdr:nvSpPr>
        <xdr:cNvPr id="534" name="フローチャート: 判断 533">
          <a:extLst>
            <a:ext uri="{FF2B5EF4-FFF2-40B4-BE49-F238E27FC236}">
              <a16:creationId xmlns:a16="http://schemas.microsoft.com/office/drawing/2014/main" id="{E0CE49BD-B990-4354-AACB-C472BD8197E0}"/>
            </a:ext>
          </a:extLst>
        </xdr:cNvPr>
        <xdr:cNvSpPr/>
      </xdr:nvSpPr>
      <xdr:spPr>
        <a:xfrm>
          <a:off x="13578840" y="98803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38938</xdr:rowOff>
    </xdr:from>
    <xdr:to>
      <xdr:col>76</xdr:col>
      <xdr:colOff>165100</xdr:colOff>
      <xdr:row>59</xdr:row>
      <xdr:rowOff>69088</xdr:rowOff>
    </xdr:to>
    <xdr:sp macro="" textlink="">
      <xdr:nvSpPr>
        <xdr:cNvPr id="535" name="フローチャート: 判断 534">
          <a:extLst>
            <a:ext uri="{FF2B5EF4-FFF2-40B4-BE49-F238E27FC236}">
              <a16:creationId xmlns:a16="http://schemas.microsoft.com/office/drawing/2014/main" id="{5C6D22B6-8603-47A6-860A-8EEE1F7091D7}"/>
            </a:ext>
          </a:extLst>
        </xdr:cNvPr>
        <xdr:cNvSpPr/>
      </xdr:nvSpPr>
      <xdr:spPr>
        <a:xfrm>
          <a:off x="12804140" y="986205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20650</xdr:rowOff>
    </xdr:from>
    <xdr:to>
      <xdr:col>72</xdr:col>
      <xdr:colOff>38100</xdr:colOff>
      <xdr:row>59</xdr:row>
      <xdr:rowOff>50800</xdr:rowOff>
    </xdr:to>
    <xdr:sp macro="" textlink="">
      <xdr:nvSpPr>
        <xdr:cNvPr id="536" name="フローチャート: 判断 535">
          <a:extLst>
            <a:ext uri="{FF2B5EF4-FFF2-40B4-BE49-F238E27FC236}">
              <a16:creationId xmlns:a16="http://schemas.microsoft.com/office/drawing/2014/main" id="{CBD67065-5D2E-495F-9B87-8B45BFD8CD8D}"/>
            </a:ext>
          </a:extLst>
        </xdr:cNvPr>
        <xdr:cNvSpPr/>
      </xdr:nvSpPr>
      <xdr:spPr>
        <a:xfrm>
          <a:off x="12029440" y="98437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27508</xdr:rowOff>
    </xdr:from>
    <xdr:to>
      <xdr:col>67</xdr:col>
      <xdr:colOff>101600</xdr:colOff>
      <xdr:row>59</xdr:row>
      <xdr:rowOff>57658</xdr:rowOff>
    </xdr:to>
    <xdr:sp macro="" textlink="">
      <xdr:nvSpPr>
        <xdr:cNvPr id="537" name="フローチャート: 判断 536">
          <a:extLst>
            <a:ext uri="{FF2B5EF4-FFF2-40B4-BE49-F238E27FC236}">
              <a16:creationId xmlns:a16="http://schemas.microsoft.com/office/drawing/2014/main" id="{47048779-8DEB-47AC-A552-C840C07B586B}"/>
            </a:ext>
          </a:extLst>
        </xdr:cNvPr>
        <xdr:cNvSpPr/>
      </xdr:nvSpPr>
      <xdr:spPr>
        <a:xfrm>
          <a:off x="11231880" y="985062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8" name="テキスト ボックス 537">
          <a:extLst>
            <a:ext uri="{FF2B5EF4-FFF2-40B4-BE49-F238E27FC236}">
              <a16:creationId xmlns:a16="http://schemas.microsoft.com/office/drawing/2014/main" id="{ACBCE4D7-0CD1-4923-8FED-1BD6ECF1937E}"/>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39" name="テキスト ボックス 538">
          <a:extLst>
            <a:ext uri="{FF2B5EF4-FFF2-40B4-BE49-F238E27FC236}">
              <a16:creationId xmlns:a16="http://schemas.microsoft.com/office/drawing/2014/main" id="{8AB3E175-B773-4148-8240-53B306511EB5}"/>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0" name="テキスト ボックス 539">
          <a:extLst>
            <a:ext uri="{FF2B5EF4-FFF2-40B4-BE49-F238E27FC236}">
              <a16:creationId xmlns:a16="http://schemas.microsoft.com/office/drawing/2014/main" id="{520D5AB7-BF04-4F99-B1C1-42F831B98D68}"/>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1" name="テキスト ボックス 540">
          <a:extLst>
            <a:ext uri="{FF2B5EF4-FFF2-40B4-BE49-F238E27FC236}">
              <a16:creationId xmlns:a16="http://schemas.microsoft.com/office/drawing/2014/main" id="{DEC8108D-ADA8-45FB-B8DF-3813F8BA0DD4}"/>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id="{1E387E7B-2866-4497-8050-6FF43122AC57}"/>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45212</xdr:rowOff>
    </xdr:from>
    <xdr:to>
      <xdr:col>85</xdr:col>
      <xdr:colOff>177800</xdr:colOff>
      <xdr:row>62</xdr:row>
      <xdr:rowOff>146812</xdr:rowOff>
    </xdr:to>
    <xdr:sp macro="" textlink="">
      <xdr:nvSpPr>
        <xdr:cNvPr id="543" name="楕円 542">
          <a:extLst>
            <a:ext uri="{FF2B5EF4-FFF2-40B4-BE49-F238E27FC236}">
              <a16:creationId xmlns:a16="http://schemas.microsoft.com/office/drawing/2014/main" id="{D212DE71-B8ED-45BB-AB17-F8B43711C0E7}"/>
            </a:ext>
          </a:extLst>
        </xdr:cNvPr>
        <xdr:cNvSpPr/>
      </xdr:nvSpPr>
      <xdr:spPr>
        <a:xfrm>
          <a:off x="14325600" y="10438892"/>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31589</xdr:rowOff>
    </xdr:from>
    <xdr:ext cx="405111" cy="259045"/>
    <xdr:sp macro="" textlink="">
      <xdr:nvSpPr>
        <xdr:cNvPr id="544" name="【学校施設】&#10;有形固定資産減価償却率該当値テキスト">
          <a:extLst>
            <a:ext uri="{FF2B5EF4-FFF2-40B4-BE49-F238E27FC236}">
              <a16:creationId xmlns:a16="http://schemas.microsoft.com/office/drawing/2014/main" id="{16A03696-263A-4AED-A326-19FE3757D32A}"/>
            </a:ext>
          </a:extLst>
        </xdr:cNvPr>
        <xdr:cNvSpPr txBox="1"/>
      </xdr:nvSpPr>
      <xdr:spPr>
        <a:xfrm>
          <a:off x="14414500" y="10357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38354</xdr:rowOff>
    </xdr:from>
    <xdr:to>
      <xdr:col>81</xdr:col>
      <xdr:colOff>101600</xdr:colOff>
      <xdr:row>62</xdr:row>
      <xdr:rowOff>139954</xdr:rowOff>
    </xdr:to>
    <xdr:sp macro="" textlink="">
      <xdr:nvSpPr>
        <xdr:cNvPr id="545" name="楕円 544">
          <a:extLst>
            <a:ext uri="{FF2B5EF4-FFF2-40B4-BE49-F238E27FC236}">
              <a16:creationId xmlns:a16="http://schemas.microsoft.com/office/drawing/2014/main" id="{89204ECE-5B74-44FA-8F99-D4C7D875920A}"/>
            </a:ext>
          </a:extLst>
        </xdr:cNvPr>
        <xdr:cNvSpPr/>
      </xdr:nvSpPr>
      <xdr:spPr>
        <a:xfrm>
          <a:off x="13578840" y="10432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89154</xdr:rowOff>
    </xdr:from>
    <xdr:to>
      <xdr:col>85</xdr:col>
      <xdr:colOff>127000</xdr:colOff>
      <xdr:row>62</xdr:row>
      <xdr:rowOff>96012</xdr:rowOff>
    </xdr:to>
    <xdr:cxnSp macro="">
      <xdr:nvCxnSpPr>
        <xdr:cNvPr id="546" name="直線コネクタ 545">
          <a:extLst>
            <a:ext uri="{FF2B5EF4-FFF2-40B4-BE49-F238E27FC236}">
              <a16:creationId xmlns:a16="http://schemas.microsoft.com/office/drawing/2014/main" id="{785FD4ED-CB2B-486A-90FE-B44E0F13B9A4}"/>
            </a:ext>
          </a:extLst>
        </xdr:cNvPr>
        <xdr:cNvCxnSpPr/>
      </xdr:nvCxnSpPr>
      <xdr:spPr>
        <a:xfrm>
          <a:off x="13629640" y="10482834"/>
          <a:ext cx="74676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5494</xdr:rowOff>
    </xdr:from>
    <xdr:to>
      <xdr:col>76</xdr:col>
      <xdr:colOff>165100</xdr:colOff>
      <xdr:row>62</xdr:row>
      <xdr:rowOff>117094</xdr:rowOff>
    </xdr:to>
    <xdr:sp macro="" textlink="">
      <xdr:nvSpPr>
        <xdr:cNvPr id="547" name="楕円 546">
          <a:extLst>
            <a:ext uri="{FF2B5EF4-FFF2-40B4-BE49-F238E27FC236}">
              <a16:creationId xmlns:a16="http://schemas.microsoft.com/office/drawing/2014/main" id="{5A08ADC4-6484-4255-A8A3-3D02201C2E8A}"/>
            </a:ext>
          </a:extLst>
        </xdr:cNvPr>
        <xdr:cNvSpPr/>
      </xdr:nvSpPr>
      <xdr:spPr>
        <a:xfrm>
          <a:off x="12804140" y="10409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66294</xdr:rowOff>
    </xdr:from>
    <xdr:to>
      <xdr:col>81</xdr:col>
      <xdr:colOff>50800</xdr:colOff>
      <xdr:row>62</xdr:row>
      <xdr:rowOff>89154</xdr:rowOff>
    </xdr:to>
    <xdr:cxnSp macro="">
      <xdr:nvCxnSpPr>
        <xdr:cNvPr id="548" name="直線コネクタ 547">
          <a:extLst>
            <a:ext uri="{FF2B5EF4-FFF2-40B4-BE49-F238E27FC236}">
              <a16:creationId xmlns:a16="http://schemas.microsoft.com/office/drawing/2014/main" id="{8544F3DE-5B9F-4F4E-9306-C9D27E627063}"/>
            </a:ext>
          </a:extLst>
        </xdr:cNvPr>
        <xdr:cNvCxnSpPr/>
      </xdr:nvCxnSpPr>
      <xdr:spPr>
        <a:xfrm>
          <a:off x="12854940" y="10459974"/>
          <a:ext cx="7747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57226</xdr:rowOff>
    </xdr:from>
    <xdr:to>
      <xdr:col>72</xdr:col>
      <xdr:colOff>38100</xdr:colOff>
      <xdr:row>62</xdr:row>
      <xdr:rowOff>87376</xdr:rowOff>
    </xdr:to>
    <xdr:sp macro="" textlink="">
      <xdr:nvSpPr>
        <xdr:cNvPr id="549" name="楕円 548">
          <a:extLst>
            <a:ext uri="{FF2B5EF4-FFF2-40B4-BE49-F238E27FC236}">
              <a16:creationId xmlns:a16="http://schemas.microsoft.com/office/drawing/2014/main" id="{4BB0374C-70C7-43C4-B95D-31B66C9B5EB8}"/>
            </a:ext>
          </a:extLst>
        </xdr:cNvPr>
        <xdr:cNvSpPr/>
      </xdr:nvSpPr>
      <xdr:spPr>
        <a:xfrm>
          <a:off x="12029440" y="1038326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36576</xdr:rowOff>
    </xdr:from>
    <xdr:to>
      <xdr:col>76</xdr:col>
      <xdr:colOff>114300</xdr:colOff>
      <xdr:row>62</xdr:row>
      <xdr:rowOff>66294</xdr:rowOff>
    </xdr:to>
    <xdr:cxnSp macro="">
      <xdr:nvCxnSpPr>
        <xdr:cNvPr id="550" name="直線コネクタ 549">
          <a:extLst>
            <a:ext uri="{FF2B5EF4-FFF2-40B4-BE49-F238E27FC236}">
              <a16:creationId xmlns:a16="http://schemas.microsoft.com/office/drawing/2014/main" id="{E3445898-196B-4E6F-BF38-5FBC7F78B0D2}"/>
            </a:ext>
          </a:extLst>
        </xdr:cNvPr>
        <xdr:cNvCxnSpPr/>
      </xdr:nvCxnSpPr>
      <xdr:spPr>
        <a:xfrm>
          <a:off x="12072620" y="10430256"/>
          <a:ext cx="78232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29210</xdr:rowOff>
    </xdr:from>
    <xdr:to>
      <xdr:col>67</xdr:col>
      <xdr:colOff>101600</xdr:colOff>
      <xdr:row>62</xdr:row>
      <xdr:rowOff>130810</xdr:rowOff>
    </xdr:to>
    <xdr:sp macro="" textlink="">
      <xdr:nvSpPr>
        <xdr:cNvPr id="551" name="楕円 550">
          <a:extLst>
            <a:ext uri="{FF2B5EF4-FFF2-40B4-BE49-F238E27FC236}">
              <a16:creationId xmlns:a16="http://schemas.microsoft.com/office/drawing/2014/main" id="{0AE2E0A1-9C3F-482C-9498-051BC740C5CB}"/>
            </a:ext>
          </a:extLst>
        </xdr:cNvPr>
        <xdr:cNvSpPr/>
      </xdr:nvSpPr>
      <xdr:spPr>
        <a:xfrm>
          <a:off x="11231880" y="10422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36576</xdr:rowOff>
    </xdr:from>
    <xdr:to>
      <xdr:col>71</xdr:col>
      <xdr:colOff>177800</xdr:colOff>
      <xdr:row>62</xdr:row>
      <xdr:rowOff>80010</xdr:rowOff>
    </xdr:to>
    <xdr:cxnSp macro="">
      <xdr:nvCxnSpPr>
        <xdr:cNvPr id="552" name="直線コネクタ 551">
          <a:extLst>
            <a:ext uri="{FF2B5EF4-FFF2-40B4-BE49-F238E27FC236}">
              <a16:creationId xmlns:a16="http://schemas.microsoft.com/office/drawing/2014/main" id="{DBB8EEBC-150D-4F16-B475-AA85DC15E3E7}"/>
            </a:ext>
          </a:extLst>
        </xdr:cNvPr>
        <xdr:cNvCxnSpPr/>
      </xdr:nvCxnSpPr>
      <xdr:spPr>
        <a:xfrm flipV="1">
          <a:off x="11282680" y="10430256"/>
          <a:ext cx="78994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03903</xdr:rowOff>
    </xdr:from>
    <xdr:ext cx="405111" cy="259045"/>
    <xdr:sp macro="" textlink="">
      <xdr:nvSpPr>
        <xdr:cNvPr id="553" name="n_1aveValue【学校施設】&#10;有形固定資産減価償却率">
          <a:extLst>
            <a:ext uri="{FF2B5EF4-FFF2-40B4-BE49-F238E27FC236}">
              <a16:creationId xmlns:a16="http://schemas.microsoft.com/office/drawing/2014/main" id="{F2721737-DBC4-4F86-A62C-FED139554165}"/>
            </a:ext>
          </a:extLst>
        </xdr:cNvPr>
        <xdr:cNvSpPr txBox="1"/>
      </xdr:nvSpPr>
      <xdr:spPr>
        <a:xfrm>
          <a:off x="13437244" y="96593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85615</xdr:rowOff>
    </xdr:from>
    <xdr:ext cx="405111" cy="259045"/>
    <xdr:sp macro="" textlink="">
      <xdr:nvSpPr>
        <xdr:cNvPr id="554" name="n_2aveValue【学校施設】&#10;有形固定資産減価償却率">
          <a:extLst>
            <a:ext uri="{FF2B5EF4-FFF2-40B4-BE49-F238E27FC236}">
              <a16:creationId xmlns:a16="http://schemas.microsoft.com/office/drawing/2014/main" id="{4AB90FF1-B004-43A6-BEE8-6CB3100B5D03}"/>
            </a:ext>
          </a:extLst>
        </xdr:cNvPr>
        <xdr:cNvSpPr txBox="1"/>
      </xdr:nvSpPr>
      <xdr:spPr>
        <a:xfrm>
          <a:off x="12675244" y="9641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67327</xdr:rowOff>
    </xdr:from>
    <xdr:ext cx="405111" cy="259045"/>
    <xdr:sp macro="" textlink="">
      <xdr:nvSpPr>
        <xdr:cNvPr id="555" name="n_3aveValue【学校施設】&#10;有形固定資産減価償却率">
          <a:extLst>
            <a:ext uri="{FF2B5EF4-FFF2-40B4-BE49-F238E27FC236}">
              <a16:creationId xmlns:a16="http://schemas.microsoft.com/office/drawing/2014/main" id="{003CD246-97FD-4C62-97B8-05A59958983A}"/>
            </a:ext>
          </a:extLst>
        </xdr:cNvPr>
        <xdr:cNvSpPr txBox="1"/>
      </xdr:nvSpPr>
      <xdr:spPr>
        <a:xfrm>
          <a:off x="11900544" y="9622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74185</xdr:rowOff>
    </xdr:from>
    <xdr:ext cx="405111" cy="259045"/>
    <xdr:sp macro="" textlink="">
      <xdr:nvSpPr>
        <xdr:cNvPr id="556" name="n_4aveValue【学校施設】&#10;有形固定資産減価償却率">
          <a:extLst>
            <a:ext uri="{FF2B5EF4-FFF2-40B4-BE49-F238E27FC236}">
              <a16:creationId xmlns:a16="http://schemas.microsoft.com/office/drawing/2014/main" id="{25D0747B-ACBF-4DCF-B159-3C0ACFFE707F}"/>
            </a:ext>
          </a:extLst>
        </xdr:cNvPr>
        <xdr:cNvSpPr txBox="1"/>
      </xdr:nvSpPr>
      <xdr:spPr>
        <a:xfrm>
          <a:off x="11102984" y="9629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31081</xdr:rowOff>
    </xdr:from>
    <xdr:ext cx="405111" cy="259045"/>
    <xdr:sp macro="" textlink="">
      <xdr:nvSpPr>
        <xdr:cNvPr id="557" name="n_1mainValue【学校施設】&#10;有形固定資産減価償却率">
          <a:extLst>
            <a:ext uri="{FF2B5EF4-FFF2-40B4-BE49-F238E27FC236}">
              <a16:creationId xmlns:a16="http://schemas.microsoft.com/office/drawing/2014/main" id="{4AD1785D-FF5A-4266-BB5A-EC7A1DC638B4}"/>
            </a:ext>
          </a:extLst>
        </xdr:cNvPr>
        <xdr:cNvSpPr txBox="1"/>
      </xdr:nvSpPr>
      <xdr:spPr>
        <a:xfrm>
          <a:off x="13437244" y="105247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08221</xdr:rowOff>
    </xdr:from>
    <xdr:ext cx="405111" cy="259045"/>
    <xdr:sp macro="" textlink="">
      <xdr:nvSpPr>
        <xdr:cNvPr id="558" name="n_2mainValue【学校施設】&#10;有形固定資産減価償却率">
          <a:extLst>
            <a:ext uri="{FF2B5EF4-FFF2-40B4-BE49-F238E27FC236}">
              <a16:creationId xmlns:a16="http://schemas.microsoft.com/office/drawing/2014/main" id="{4CE68F78-61F2-434C-B219-09D32E8F38BA}"/>
            </a:ext>
          </a:extLst>
        </xdr:cNvPr>
        <xdr:cNvSpPr txBox="1"/>
      </xdr:nvSpPr>
      <xdr:spPr>
        <a:xfrm>
          <a:off x="12675244" y="105019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78503</xdr:rowOff>
    </xdr:from>
    <xdr:ext cx="405111" cy="259045"/>
    <xdr:sp macro="" textlink="">
      <xdr:nvSpPr>
        <xdr:cNvPr id="559" name="n_3mainValue【学校施設】&#10;有形固定資産減価償却率">
          <a:extLst>
            <a:ext uri="{FF2B5EF4-FFF2-40B4-BE49-F238E27FC236}">
              <a16:creationId xmlns:a16="http://schemas.microsoft.com/office/drawing/2014/main" id="{A321C804-A92A-4065-9262-0268F654E43E}"/>
            </a:ext>
          </a:extLst>
        </xdr:cNvPr>
        <xdr:cNvSpPr txBox="1"/>
      </xdr:nvSpPr>
      <xdr:spPr>
        <a:xfrm>
          <a:off x="11900544" y="104721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21937</xdr:rowOff>
    </xdr:from>
    <xdr:ext cx="405111" cy="259045"/>
    <xdr:sp macro="" textlink="">
      <xdr:nvSpPr>
        <xdr:cNvPr id="560" name="n_4mainValue【学校施設】&#10;有形固定資産減価償却率">
          <a:extLst>
            <a:ext uri="{FF2B5EF4-FFF2-40B4-BE49-F238E27FC236}">
              <a16:creationId xmlns:a16="http://schemas.microsoft.com/office/drawing/2014/main" id="{80EE361D-508F-498E-B919-600C1FD42379}"/>
            </a:ext>
          </a:extLst>
        </xdr:cNvPr>
        <xdr:cNvSpPr txBox="1"/>
      </xdr:nvSpPr>
      <xdr:spPr>
        <a:xfrm>
          <a:off x="11102984" y="10515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1" name="正方形/長方形 560">
          <a:extLst>
            <a:ext uri="{FF2B5EF4-FFF2-40B4-BE49-F238E27FC236}">
              <a16:creationId xmlns:a16="http://schemas.microsoft.com/office/drawing/2014/main" id="{18DB40DF-11C1-4EF7-B831-42A2F850D593}"/>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2" name="正方形/長方形 561">
          <a:extLst>
            <a:ext uri="{FF2B5EF4-FFF2-40B4-BE49-F238E27FC236}">
              <a16:creationId xmlns:a16="http://schemas.microsoft.com/office/drawing/2014/main" id="{3A65211E-FC4C-46A6-A521-1A994105E9E0}"/>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3" name="正方形/長方形 562">
          <a:extLst>
            <a:ext uri="{FF2B5EF4-FFF2-40B4-BE49-F238E27FC236}">
              <a16:creationId xmlns:a16="http://schemas.microsoft.com/office/drawing/2014/main" id="{6365E915-9D41-428D-A9C4-E14A7EA0065C}"/>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4" name="正方形/長方形 563">
          <a:extLst>
            <a:ext uri="{FF2B5EF4-FFF2-40B4-BE49-F238E27FC236}">
              <a16:creationId xmlns:a16="http://schemas.microsoft.com/office/drawing/2014/main" id="{C6FD97E4-AEB9-4342-8A19-465D549EBA65}"/>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5" name="正方形/長方形 564">
          <a:extLst>
            <a:ext uri="{FF2B5EF4-FFF2-40B4-BE49-F238E27FC236}">
              <a16:creationId xmlns:a16="http://schemas.microsoft.com/office/drawing/2014/main" id="{1D8CF989-970B-4025-9990-BA266B87CE58}"/>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6" name="正方形/長方形 565">
          <a:extLst>
            <a:ext uri="{FF2B5EF4-FFF2-40B4-BE49-F238E27FC236}">
              <a16:creationId xmlns:a16="http://schemas.microsoft.com/office/drawing/2014/main" id="{CD9EF9EF-704C-4B5F-A921-1CD44558F436}"/>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7" name="正方形/長方形 566">
          <a:extLst>
            <a:ext uri="{FF2B5EF4-FFF2-40B4-BE49-F238E27FC236}">
              <a16:creationId xmlns:a16="http://schemas.microsoft.com/office/drawing/2014/main" id="{EAB145A8-D23A-4C20-9CB1-B6EC0595E4F8}"/>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8" name="正方形/長方形 567">
          <a:extLst>
            <a:ext uri="{FF2B5EF4-FFF2-40B4-BE49-F238E27FC236}">
              <a16:creationId xmlns:a16="http://schemas.microsoft.com/office/drawing/2014/main" id="{83E348CE-9B91-462A-9F69-52D25321EF10}"/>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69" name="テキスト ボックス 568">
          <a:extLst>
            <a:ext uri="{FF2B5EF4-FFF2-40B4-BE49-F238E27FC236}">
              <a16:creationId xmlns:a16="http://schemas.microsoft.com/office/drawing/2014/main" id="{3CB7B466-C755-4D63-8E65-AFF0FF1F3B73}"/>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0" name="直線コネクタ 569">
          <a:extLst>
            <a:ext uri="{FF2B5EF4-FFF2-40B4-BE49-F238E27FC236}">
              <a16:creationId xmlns:a16="http://schemas.microsoft.com/office/drawing/2014/main" id="{0C9AE640-91F6-4619-B4B3-40BFBCAB4813}"/>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1" name="テキスト ボックス 570">
          <a:extLst>
            <a:ext uri="{FF2B5EF4-FFF2-40B4-BE49-F238E27FC236}">
              <a16:creationId xmlns:a16="http://schemas.microsoft.com/office/drawing/2014/main" id="{CEF1761C-3139-4177-A351-ADC428C46C6D}"/>
            </a:ext>
          </a:extLst>
        </xdr:cNvPr>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2" name="直線コネクタ 571">
          <a:extLst>
            <a:ext uri="{FF2B5EF4-FFF2-40B4-BE49-F238E27FC236}">
              <a16:creationId xmlns:a16="http://schemas.microsoft.com/office/drawing/2014/main" id="{B8EB115E-3E40-4B3B-AF30-03784CDB0607}"/>
            </a:ext>
          </a:extLst>
        </xdr:cNvPr>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3" name="テキスト ボックス 572">
          <a:extLst>
            <a:ext uri="{FF2B5EF4-FFF2-40B4-BE49-F238E27FC236}">
              <a16:creationId xmlns:a16="http://schemas.microsoft.com/office/drawing/2014/main" id="{7CCA020B-5DF8-452B-9524-634BDC58321A}"/>
            </a:ext>
          </a:extLst>
        </xdr:cNvPr>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4" name="直線コネクタ 573">
          <a:extLst>
            <a:ext uri="{FF2B5EF4-FFF2-40B4-BE49-F238E27FC236}">
              <a16:creationId xmlns:a16="http://schemas.microsoft.com/office/drawing/2014/main" id="{1D2AB9BA-848F-40DE-931D-F6DF0D3D3C6A}"/>
            </a:ext>
          </a:extLst>
        </xdr:cNvPr>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5" name="テキスト ボックス 574">
          <a:extLst>
            <a:ext uri="{FF2B5EF4-FFF2-40B4-BE49-F238E27FC236}">
              <a16:creationId xmlns:a16="http://schemas.microsoft.com/office/drawing/2014/main" id="{9CDDCED2-2791-4F33-BFAF-0F9357E443BF}"/>
            </a:ext>
          </a:extLst>
        </xdr:cNvPr>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76" name="直線コネクタ 575">
          <a:extLst>
            <a:ext uri="{FF2B5EF4-FFF2-40B4-BE49-F238E27FC236}">
              <a16:creationId xmlns:a16="http://schemas.microsoft.com/office/drawing/2014/main" id="{28B886B7-F7BA-477E-AC40-CA4D1830B8B0}"/>
            </a:ext>
          </a:extLst>
        </xdr:cNvPr>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77" name="テキスト ボックス 576">
          <a:extLst>
            <a:ext uri="{FF2B5EF4-FFF2-40B4-BE49-F238E27FC236}">
              <a16:creationId xmlns:a16="http://schemas.microsoft.com/office/drawing/2014/main" id="{817C83E4-E87B-4E65-B3A8-1CBAC15712DE}"/>
            </a:ext>
          </a:extLst>
        </xdr:cNvPr>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78" name="直線コネクタ 577">
          <a:extLst>
            <a:ext uri="{FF2B5EF4-FFF2-40B4-BE49-F238E27FC236}">
              <a16:creationId xmlns:a16="http://schemas.microsoft.com/office/drawing/2014/main" id="{FCD8D942-6BDB-49F6-9DC6-BEA2F912B053}"/>
            </a:ext>
          </a:extLst>
        </xdr:cNvPr>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79" name="テキスト ボックス 578">
          <a:extLst>
            <a:ext uri="{FF2B5EF4-FFF2-40B4-BE49-F238E27FC236}">
              <a16:creationId xmlns:a16="http://schemas.microsoft.com/office/drawing/2014/main" id="{009FBA6A-71CC-4B3A-A826-3D13AF06D8BB}"/>
            </a:ext>
          </a:extLst>
        </xdr:cNvPr>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0" name="直線コネクタ 579">
          <a:extLst>
            <a:ext uri="{FF2B5EF4-FFF2-40B4-BE49-F238E27FC236}">
              <a16:creationId xmlns:a16="http://schemas.microsoft.com/office/drawing/2014/main" id="{AAE62ED7-365F-4040-9F6F-F0FD5EEAF3EF}"/>
            </a:ext>
          </a:extLst>
        </xdr:cNvPr>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1" name="テキスト ボックス 580">
          <a:extLst>
            <a:ext uri="{FF2B5EF4-FFF2-40B4-BE49-F238E27FC236}">
              <a16:creationId xmlns:a16="http://schemas.microsoft.com/office/drawing/2014/main" id="{9565E8F6-F15D-4854-BDED-8188DB6A3180}"/>
            </a:ext>
          </a:extLst>
        </xdr:cNvPr>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2" name="直線コネクタ 581">
          <a:extLst>
            <a:ext uri="{FF2B5EF4-FFF2-40B4-BE49-F238E27FC236}">
              <a16:creationId xmlns:a16="http://schemas.microsoft.com/office/drawing/2014/main" id="{4D60AEBB-25CD-494A-A2AF-B4A9770E7B09}"/>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3" name="テキスト ボックス 582">
          <a:extLst>
            <a:ext uri="{FF2B5EF4-FFF2-40B4-BE49-F238E27FC236}">
              <a16:creationId xmlns:a16="http://schemas.microsoft.com/office/drawing/2014/main" id="{D8F33047-E99E-4B30-9F3B-96EA9DF5FC04}"/>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4" name="【学校施設】&#10;一人当たり面積グラフ枠">
          <a:extLst>
            <a:ext uri="{FF2B5EF4-FFF2-40B4-BE49-F238E27FC236}">
              <a16:creationId xmlns:a16="http://schemas.microsoft.com/office/drawing/2014/main" id="{86FBC085-6CF6-4CB8-8698-501B99597FC5}"/>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27432</xdr:rowOff>
    </xdr:from>
    <xdr:to>
      <xdr:col>116</xdr:col>
      <xdr:colOff>62864</xdr:colOff>
      <xdr:row>64</xdr:row>
      <xdr:rowOff>143256</xdr:rowOff>
    </xdr:to>
    <xdr:cxnSp macro="">
      <xdr:nvCxnSpPr>
        <xdr:cNvPr id="585" name="直線コネクタ 584">
          <a:extLst>
            <a:ext uri="{FF2B5EF4-FFF2-40B4-BE49-F238E27FC236}">
              <a16:creationId xmlns:a16="http://schemas.microsoft.com/office/drawing/2014/main" id="{921F8C51-A6D0-42F0-B92E-40E028C2022C}"/>
            </a:ext>
          </a:extLst>
        </xdr:cNvPr>
        <xdr:cNvCxnSpPr/>
      </xdr:nvCxnSpPr>
      <xdr:spPr>
        <a:xfrm flipV="1">
          <a:off x="19509104" y="9415272"/>
          <a:ext cx="0" cy="14569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7083</xdr:rowOff>
    </xdr:from>
    <xdr:ext cx="469744" cy="259045"/>
    <xdr:sp macro="" textlink="">
      <xdr:nvSpPr>
        <xdr:cNvPr id="586" name="【学校施設】&#10;一人当たり面積最小値テキスト">
          <a:extLst>
            <a:ext uri="{FF2B5EF4-FFF2-40B4-BE49-F238E27FC236}">
              <a16:creationId xmlns:a16="http://schemas.microsoft.com/office/drawing/2014/main" id="{8C958425-6B9B-49DF-97B5-A8F32C1F1A09}"/>
            </a:ext>
          </a:extLst>
        </xdr:cNvPr>
        <xdr:cNvSpPr txBox="1"/>
      </xdr:nvSpPr>
      <xdr:spPr>
        <a:xfrm>
          <a:off x="19547840" y="10876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43256</xdr:rowOff>
    </xdr:from>
    <xdr:to>
      <xdr:col>116</xdr:col>
      <xdr:colOff>152400</xdr:colOff>
      <xdr:row>64</xdr:row>
      <xdr:rowOff>143256</xdr:rowOff>
    </xdr:to>
    <xdr:cxnSp macro="">
      <xdr:nvCxnSpPr>
        <xdr:cNvPr id="587" name="直線コネクタ 586">
          <a:extLst>
            <a:ext uri="{FF2B5EF4-FFF2-40B4-BE49-F238E27FC236}">
              <a16:creationId xmlns:a16="http://schemas.microsoft.com/office/drawing/2014/main" id="{083B8162-7B06-4510-8920-9834AE900611}"/>
            </a:ext>
          </a:extLst>
        </xdr:cNvPr>
        <xdr:cNvCxnSpPr/>
      </xdr:nvCxnSpPr>
      <xdr:spPr>
        <a:xfrm>
          <a:off x="19443700" y="1087221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45559</xdr:rowOff>
    </xdr:from>
    <xdr:ext cx="469744" cy="259045"/>
    <xdr:sp macro="" textlink="">
      <xdr:nvSpPr>
        <xdr:cNvPr id="588" name="【学校施設】&#10;一人当たり面積最大値テキスト">
          <a:extLst>
            <a:ext uri="{FF2B5EF4-FFF2-40B4-BE49-F238E27FC236}">
              <a16:creationId xmlns:a16="http://schemas.microsoft.com/office/drawing/2014/main" id="{865470D0-5F3B-42E3-A04B-73CE76DB4467}"/>
            </a:ext>
          </a:extLst>
        </xdr:cNvPr>
        <xdr:cNvSpPr txBox="1"/>
      </xdr:nvSpPr>
      <xdr:spPr>
        <a:xfrm>
          <a:off x="19547840" y="9198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27432</xdr:rowOff>
    </xdr:from>
    <xdr:to>
      <xdr:col>116</xdr:col>
      <xdr:colOff>152400</xdr:colOff>
      <xdr:row>56</xdr:row>
      <xdr:rowOff>27432</xdr:rowOff>
    </xdr:to>
    <xdr:cxnSp macro="">
      <xdr:nvCxnSpPr>
        <xdr:cNvPr id="589" name="直線コネクタ 588">
          <a:extLst>
            <a:ext uri="{FF2B5EF4-FFF2-40B4-BE49-F238E27FC236}">
              <a16:creationId xmlns:a16="http://schemas.microsoft.com/office/drawing/2014/main" id="{B5921099-FE06-467F-AB32-A2524895F507}"/>
            </a:ext>
          </a:extLst>
        </xdr:cNvPr>
        <xdr:cNvCxnSpPr/>
      </xdr:nvCxnSpPr>
      <xdr:spPr>
        <a:xfrm>
          <a:off x="19443700" y="941527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69435</xdr:rowOff>
    </xdr:from>
    <xdr:ext cx="469744" cy="259045"/>
    <xdr:sp macro="" textlink="">
      <xdr:nvSpPr>
        <xdr:cNvPr id="590" name="【学校施設】&#10;一人当たり面積平均値テキスト">
          <a:extLst>
            <a:ext uri="{FF2B5EF4-FFF2-40B4-BE49-F238E27FC236}">
              <a16:creationId xmlns:a16="http://schemas.microsoft.com/office/drawing/2014/main" id="{40424BF8-39EF-4955-9975-CEDDD1D37676}"/>
            </a:ext>
          </a:extLst>
        </xdr:cNvPr>
        <xdr:cNvSpPr txBox="1"/>
      </xdr:nvSpPr>
      <xdr:spPr>
        <a:xfrm>
          <a:off x="19547840" y="10227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46558</xdr:rowOff>
    </xdr:from>
    <xdr:to>
      <xdr:col>116</xdr:col>
      <xdr:colOff>114300</xdr:colOff>
      <xdr:row>62</xdr:row>
      <xdr:rowOff>76708</xdr:rowOff>
    </xdr:to>
    <xdr:sp macro="" textlink="">
      <xdr:nvSpPr>
        <xdr:cNvPr id="591" name="フローチャート: 判断 590">
          <a:extLst>
            <a:ext uri="{FF2B5EF4-FFF2-40B4-BE49-F238E27FC236}">
              <a16:creationId xmlns:a16="http://schemas.microsoft.com/office/drawing/2014/main" id="{58E2B9F1-57EA-462C-9E19-CA3E73E3AC63}"/>
            </a:ext>
          </a:extLst>
        </xdr:cNvPr>
        <xdr:cNvSpPr/>
      </xdr:nvSpPr>
      <xdr:spPr>
        <a:xfrm>
          <a:off x="19458940" y="1037259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8082</xdr:rowOff>
    </xdr:from>
    <xdr:to>
      <xdr:col>112</xdr:col>
      <xdr:colOff>38100</xdr:colOff>
      <xdr:row>62</xdr:row>
      <xdr:rowOff>78232</xdr:rowOff>
    </xdr:to>
    <xdr:sp macro="" textlink="">
      <xdr:nvSpPr>
        <xdr:cNvPr id="592" name="フローチャート: 判断 591">
          <a:extLst>
            <a:ext uri="{FF2B5EF4-FFF2-40B4-BE49-F238E27FC236}">
              <a16:creationId xmlns:a16="http://schemas.microsoft.com/office/drawing/2014/main" id="{1959F82E-877D-4096-82CF-85870BDBBF07}"/>
            </a:ext>
          </a:extLst>
        </xdr:cNvPr>
        <xdr:cNvSpPr/>
      </xdr:nvSpPr>
      <xdr:spPr>
        <a:xfrm>
          <a:off x="18735040" y="1037412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64846</xdr:rowOff>
    </xdr:from>
    <xdr:to>
      <xdr:col>107</xdr:col>
      <xdr:colOff>101600</xdr:colOff>
      <xdr:row>62</xdr:row>
      <xdr:rowOff>94996</xdr:rowOff>
    </xdr:to>
    <xdr:sp macro="" textlink="">
      <xdr:nvSpPr>
        <xdr:cNvPr id="593" name="フローチャート: 判断 592">
          <a:extLst>
            <a:ext uri="{FF2B5EF4-FFF2-40B4-BE49-F238E27FC236}">
              <a16:creationId xmlns:a16="http://schemas.microsoft.com/office/drawing/2014/main" id="{6A2402AF-107B-4D6B-9AF0-4F4DD2289AA6}"/>
            </a:ext>
          </a:extLst>
        </xdr:cNvPr>
        <xdr:cNvSpPr/>
      </xdr:nvSpPr>
      <xdr:spPr>
        <a:xfrm>
          <a:off x="17937480" y="1039088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41986</xdr:rowOff>
    </xdr:from>
    <xdr:to>
      <xdr:col>102</xdr:col>
      <xdr:colOff>165100</xdr:colOff>
      <xdr:row>62</xdr:row>
      <xdr:rowOff>72136</xdr:rowOff>
    </xdr:to>
    <xdr:sp macro="" textlink="">
      <xdr:nvSpPr>
        <xdr:cNvPr id="594" name="フローチャート: 判断 593">
          <a:extLst>
            <a:ext uri="{FF2B5EF4-FFF2-40B4-BE49-F238E27FC236}">
              <a16:creationId xmlns:a16="http://schemas.microsoft.com/office/drawing/2014/main" id="{FEC1627A-693A-42B3-A6D6-31472A59075B}"/>
            </a:ext>
          </a:extLst>
        </xdr:cNvPr>
        <xdr:cNvSpPr/>
      </xdr:nvSpPr>
      <xdr:spPr>
        <a:xfrm>
          <a:off x="17162780" y="103680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58750</xdr:rowOff>
    </xdr:from>
    <xdr:to>
      <xdr:col>98</xdr:col>
      <xdr:colOff>38100</xdr:colOff>
      <xdr:row>62</xdr:row>
      <xdr:rowOff>88900</xdr:rowOff>
    </xdr:to>
    <xdr:sp macro="" textlink="">
      <xdr:nvSpPr>
        <xdr:cNvPr id="595" name="フローチャート: 判断 594">
          <a:extLst>
            <a:ext uri="{FF2B5EF4-FFF2-40B4-BE49-F238E27FC236}">
              <a16:creationId xmlns:a16="http://schemas.microsoft.com/office/drawing/2014/main" id="{6D8C3BBC-6EDA-42FF-855F-840EB7819A6F}"/>
            </a:ext>
          </a:extLst>
        </xdr:cNvPr>
        <xdr:cNvSpPr/>
      </xdr:nvSpPr>
      <xdr:spPr>
        <a:xfrm>
          <a:off x="16388080" y="1038479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6" name="テキスト ボックス 595">
          <a:extLst>
            <a:ext uri="{FF2B5EF4-FFF2-40B4-BE49-F238E27FC236}">
              <a16:creationId xmlns:a16="http://schemas.microsoft.com/office/drawing/2014/main" id="{B8488A73-5327-4E7E-9968-814D34015BBC}"/>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7" name="テキスト ボックス 596">
          <a:extLst>
            <a:ext uri="{FF2B5EF4-FFF2-40B4-BE49-F238E27FC236}">
              <a16:creationId xmlns:a16="http://schemas.microsoft.com/office/drawing/2014/main" id="{5FEED400-B991-4913-9355-D60ECB21E4F1}"/>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8" name="テキスト ボックス 597">
          <a:extLst>
            <a:ext uri="{FF2B5EF4-FFF2-40B4-BE49-F238E27FC236}">
              <a16:creationId xmlns:a16="http://schemas.microsoft.com/office/drawing/2014/main" id="{DCD5ED89-1BED-4F14-99A7-2EE812E1FBE1}"/>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9" name="テキスト ボックス 598">
          <a:extLst>
            <a:ext uri="{FF2B5EF4-FFF2-40B4-BE49-F238E27FC236}">
              <a16:creationId xmlns:a16="http://schemas.microsoft.com/office/drawing/2014/main" id="{5A3F9DEB-419B-4A7B-94FC-6CBC8072010E}"/>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id="{B2B6DE01-1388-4946-B88C-6E0232B1DC51}"/>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7112</xdr:rowOff>
    </xdr:from>
    <xdr:to>
      <xdr:col>116</xdr:col>
      <xdr:colOff>114300</xdr:colOff>
      <xdr:row>63</xdr:row>
      <xdr:rowOff>108712</xdr:rowOff>
    </xdr:to>
    <xdr:sp macro="" textlink="">
      <xdr:nvSpPr>
        <xdr:cNvPr id="601" name="楕円 600">
          <a:extLst>
            <a:ext uri="{FF2B5EF4-FFF2-40B4-BE49-F238E27FC236}">
              <a16:creationId xmlns:a16="http://schemas.microsoft.com/office/drawing/2014/main" id="{F94648E6-E8D7-48DB-962E-67506249D385}"/>
            </a:ext>
          </a:extLst>
        </xdr:cNvPr>
        <xdr:cNvSpPr/>
      </xdr:nvSpPr>
      <xdr:spPr>
        <a:xfrm>
          <a:off x="19458940" y="10568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56989</xdr:rowOff>
    </xdr:from>
    <xdr:ext cx="469744" cy="259045"/>
    <xdr:sp macro="" textlink="">
      <xdr:nvSpPr>
        <xdr:cNvPr id="602" name="【学校施設】&#10;一人当たり面積該当値テキスト">
          <a:extLst>
            <a:ext uri="{FF2B5EF4-FFF2-40B4-BE49-F238E27FC236}">
              <a16:creationId xmlns:a16="http://schemas.microsoft.com/office/drawing/2014/main" id="{A566F364-47D5-48A6-9B7D-C9C7A045C551}"/>
            </a:ext>
          </a:extLst>
        </xdr:cNvPr>
        <xdr:cNvSpPr txBox="1"/>
      </xdr:nvSpPr>
      <xdr:spPr>
        <a:xfrm>
          <a:off x="19547840" y="10550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5494</xdr:rowOff>
    </xdr:from>
    <xdr:to>
      <xdr:col>112</xdr:col>
      <xdr:colOff>38100</xdr:colOff>
      <xdr:row>63</xdr:row>
      <xdr:rowOff>117094</xdr:rowOff>
    </xdr:to>
    <xdr:sp macro="" textlink="">
      <xdr:nvSpPr>
        <xdr:cNvPr id="603" name="楕円 602">
          <a:extLst>
            <a:ext uri="{FF2B5EF4-FFF2-40B4-BE49-F238E27FC236}">
              <a16:creationId xmlns:a16="http://schemas.microsoft.com/office/drawing/2014/main" id="{DDAC88EF-C3FE-445D-94A9-8B2EB2D503E7}"/>
            </a:ext>
          </a:extLst>
        </xdr:cNvPr>
        <xdr:cNvSpPr/>
      </xdr:nvSpPr>
      <xdr:spPr>
        <a:xfrm>
          <a:off x="18735040" y="105768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57912</xdr:rowOff>
    </xdr:from>
    <xdr:to>
      <xdr:col>116</xdr:col>
      <xdr:colOff>63500</xdr:colOff>
      <xdr:row>63</xdr:row>
      <xdr:rowOff>66294</xdr:rowOff>
    </xdr:to>
    <xdr:cxnSp macro="">
      <xdr:nvCxnSpPr>
        <xdr:cNvPr id="604" name="直線コネクタ 603">
          <a:extLst>
            <a:ext uri="{FF2B5EF4-FFF2-40B4-BE49-F238E27FC236}">
              <a16:creationId xmlns:a16="http://schemas.microsoft.com/office/drawing/2014/main" id="{8790C03E-F628-4E25-A20A-F4B9E8C7D584}"/>
            </a:ext>
          </a:extLst>
        </xdr:cNvPr>
        <xdr:cNvCxnSpPr/>
      </xdr:nvCxnSpPr>
      <xdr:spPr>
        <a:xfrm flipV="1">
          <a:off x="18778220" y="10619232"/>
          <a:ext cx="731520" cy="8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20066</xdr:rowOff>
    </xdr:from>
    <xdr:to>
      <xdr:col>107</xdr:col>
      <xdr:colOff>101600</xdr:colOff>
      <xdr:row>63</xdr:row>
      <xdr:rowOff>121666</xdr:rowOff>
    </xdr:to>
    <xdr:sp macro="" textlink="">
      <xdr:nvSpPr>
        <xdr:cNvPr id="605" name="楕円 604">
          <a:extLst>
            <a:ext uri="{FF2B5EF4-FFF2-40B4-BE49-F238E27FC236}">
              <a16:creationId xmlns:a16="http://schemas.microsoft.com/office/drawing/2014/main" id="{92B07EFF-8D75-4060-841F-31189A9CE173}"/>
            </a:ext>
          </a:extLst>
        </xdr:cNvPr>
        <xdr:cNvSpPr/>
      </xdr:nvSpPr>
      <xdr:spPr>
        <a:xfrm>
          <a:off x="17937480" y="10581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66294</xdr:rowOff>
    </xdr:from>
    <xdr:to>
      <xdr:col>111</xdr:col>
      <xdr:colOff>177800</xdr:colOff>
      <xdr:row>63</xdr:row>
      <xdr:rowOff>70866</xdr:rowOff>
    </xdr:to>
    <xdr:cxnSp macro="">
      <xdr:nvCxnSpPr>
        <xdr:cNvPr id="606" name="直線コネクタ 605">
          <a:extLst>
            <a:ext uri="{FF2B5EF4-FFF2-40B4-BE49-F238E27FC236}">
              <a16:creationId xmlns:a16="http://schemas.microsoft.com/office/drawing/2014/main" id="{8BBAFB8D-2563-49F6-BCBF-34BCE1572F47}"/>
            </a:ext>
          </a:extLst>
        </xdr:cNvPr>
        <xdr:cNvCxnSpPr/>
      </xdr:nvCxnSpPr>
      <xdr:spPr>
        <a:xfrm flipV="1">
          <a:off x="17988280" y="10627614"/>
          <a:ext cx="78994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27686</xdr:rowOff>
    </xdr:from>
    <xdr:to>
      <xdr:col>102</xdr:col>
      <xdr:colOff>165100</xdr:colOff>
      <xdr:row>63</xdr:row>
      <xdr:rowOff>129286</xdr:rowOff>
    </xdr:to>
    <xdr:sp macro="" textlink="">
      <xdr:nvSpPr>
        <xdr:cNvPr id="607" name="楕円 606">
          <a:extLst>
            <a:ext uri="{FF2B5EF4-FFF2-40B4-BE49-F238E27FC236}">
              <a16:creationId xmlns:a16="http://schemas.microsoft.com/office/drawing/2014/main" id="{33588FCF-A6D5-4743-AA40-9B293FF98BC8}"/>
            </a:ext>
          </a:extLst>
        </xdr:cNvPr>
        <xdr:cNvSpPr/>
      </xdr:nvSpPr>
      <xdr:spPr>
        <a:xfrm>
          <a:off x="17162780" y="10589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70866</xdr:rowOff>
    </xdr:from>
    <xdr:to>
      <xdr:col>107</xdr:col>
      <xdr:colOff>50800</xdr:colOff>
      <xdr:row>63</xdr:row>
      <xdr:rowOff>78486</xdr:rowOff>
    </xdr:to>
    <xdr:cxnSp macro="">
      <xdr:nvCxnSpPr>
        <xdr:cNvPr id="608" name="直線コネクタ 607">
          <a:extLst>
            <a:ext uri="{FF2B5EF4-FFF2-40B4-BE49-F238E27FC236}">
              <a16:creationId xmlns:a16="http://schemas.microsoft.com/office/drawing/2014/main" id="{097E9848-62CE-40AB-9951-F18F0F84C8F6}"/>
            </a:ext>
          </a:extLst>
        </xdr:cNvPr>
        <xdr:cNvCxnSpPr/>
      </xdr:nvCxnSpPr>
      <xdr:spPr>
        <a:xfrm flipV="1">
          <a:off x="17213580" y="10632186"/>
          <a:ext cx="7747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35306</xdr:rowOff>
    </xdr:from>
    <xdr:to>
      <xdr:col>98</xdr:col>
      <xdr:colOff>38100</xdr:colOff>
      <xdr:row>63</xdr:row>
      <xdr:rowOff>136906</xdr:rowOff>
    </xdr:to>
    <xdr:sp macro="" textlink="">
      <xdr:nvSpPr>
        <xdr:cNvPr id="609" name="楕円 608">
          <a:extLst>
            <a:ext uri="{FF2B5EF4-FFF2-40B4-BE49-F238E27FC236}">
              <a16:creationId xmlns:a16="http://schemas.microsoft.com/office/drawing/2014/main" id="{D5955899-EF9E-4E3A-9069-961023139CA1}"/>
            </a:ext>
          </a:extLst>
        </xdr:cNvPr>
        <xdr:cNvSpPr/>
      </xdr:nvSpPr>
      <xdr:spPr>
        <a:xfrm>
          <a:off x="16388080" y="1059662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78486</xdr:rowOff>
    </xdr:from>
    <xdr:to>
      <xdr:col>102</xdr:col>
      <xdr:colOff>114300</xdr:colOff>
      <xdr:row>63</xdr:row>
      <xdr:rowOff>86106</xdr:rowOff>
    </xdr:to>
    <xdr:cxnSp macro="">
      <xdr:nvCxnSpPr>
        <xdr:cNvPr id="610" name="直線コネクタ 609">
          <a:extLst>
            <a:ext uri="{FF2B5EF4-FFF2-40B4-BE49-F238E27FC236}">
              <a16:creationId xmlns:a16="http://schemas.microsoft.com/office/drawing/2014/main" id="{82C5F13B-C0FC-4920-83AB-35694AE7FFA6}"/>
            </a:ext>
          </a:extLst>
        </xdr:cNvPr>
        <xdr:cNvCxnSpPr/>
      </xdr:nvCxnSpPr>
      <xdr:spPr>
        <a:xfrm flipV="1">
          <a:off x="16431260" y="10639806"/>
          <a:ext cx="78232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94759</xdr:rowOff>
    </xdr:from>
    <xdr:ext cx="469744" cy="259045"/>
    <xdr:sp macro="" textlink="">
      <xdr:nvSpPr>
        <xdr:cNvPr id="611" name="n_1aveValue【学校施設】&#10;一人当たり面積">
          <a:extLst>
            <a:ext uri="{FF2B5EF4-FFF2-40B4-BE49-F238E27FC236}">
              <a16:creationId xmlns:a16="http://schemas.microsoft.com/office/drawing/2014/main" id="{3C00DC55-61D0-43AC-8B26-6BBFD9CC593C}"/>
            </a:ext>
          </a:extLst>
        </xdr:cNvPr>
        <xdr:cNvSpPr txBox="1"/>
      </xdr:nvSpPr>
      <xdr:spPr>
        <a:xfrm>
          <a:off x="18561127" y="10153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11523</xdr:rowOff>
    </xdr:from>
    <xdr:ext cx="469744" cy="259045"/>
    <xdr:sp macro="" textlink="">
      <xdr:nvSpPr>
        <xdr:cNvPr id="612" name="n_2aveValue【学校施設】&#10;一人当たり面積">
          <a:extLst>
            <a:ext uri="{FF2B5EF4-FFF2-40B4-BE49-F238E27FC236}">
              <a16:creationId xmlns:a16="http://schemas.microsoft.com/office/drawing/2014/main" id="{12238A3A-A031-426A-ACF9-3299C6441658}"/>
            </a:ext>
          </a:extLst>
        </xdr:cNvPr>
        <xdr:cNvSpPr txBox="1"/>
      </xdr:nvSpPr>
      <xdr:spPr>
        <a:xfrm>
          <a:off x="17776267" y="10169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88663</xdr:rowOff>
    </xdr:from>
    <xdr:ext cx="469744" cy="259045"/>
    <xdr:sp macro="" textlink="">
      <xdr:nvSpPr>
        <xdr:cNvPr id="613" name="n_3aveValue【学校施設】&#10;一人当たり面積">
          <a:extLst>
            <a:ext uri="{FF2B5EF4-FFF2-40B4-BE49-F238E27FC236}">
              <a16:creationId xmlns:a16="http://schemas.microsoft.com/office/drawing/2014/main" id="{7DDD4002-F296-431F-8E01-D2CAFB1B0E97}"/>
            </a:ext>
          </a:extLst>
        </xdr:cNvPr>
        <xdr:cNvSpPr txBox="1"/>
      </xdr:nvSpPr>
      <xdr:spPr>
        <a:xfrm>
          <a:off x="17001567" y="10147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05427</xdr:rowOff>
    </xdr:from>
    <xdr:ext cx="469744" cy="259045"/>
    <xdr:sp macro="" textlink="">
      <xdr:nvSpPr>
        <xdr:cNvPr id="614" name="n_4aveValue【学校施設】&#10;一人当たり面積">
          <a:extLst>
            <a:ext uri="{FF2B5EF4-FFF2-40B4-BE49-F238E27FC236}">
              <a16:creationId xmlns:a16="http://schemas.microsoft.com/office/drawing/2014/main" id="{EF80374F-5A6E-47B7-957F-D22A62A33D18}"/>
            </a:ext>
          </a:extLst>
        </xdr:cNvPr>
        <xdr:cNvSpPr txBox="1"/>
      </xdr:nvSpPr>
      <xdr:spPr>
        <a:xfrm>
          <a:off x="16226867" y="101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08221</xdr:rowOff>
    </xdr:from>
    <xdr:ext cx="469744" cy="259045"/>
    <xdr:sp macro="" textlink="">
      <xdr:nvSpPr>
        <xdr:cNvPr id="615" name="n_1mainValue【学校施設】&#10;一人当たり面積">
          <a:extLst>
            <a:ext uri="{FF2B5EF4-FFF2-40B4-BE49-F238E27FC236}">
              <a16:creationId xmlns:a16="http://schemas.microsoft.com/office/drawing/2014/main" id="{F9F9D036-3045-4B1B-A045-ECB325FBDD8E}"/>
            </a:ext>
          </a:extLst>
        </xdr:cNvPr>
        <xdr:cNvSpPr txBox="1"/>
      </xdr:nvSpPr>
      <xdr:spPr>
        <a:xfrm>
          <a:off x="18561127" y="10669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12793</xdr:rowOff>
    </xdr:from>
    <xdr:ext cx="469744" cy="259045"/>
    <xdr:sp macro="" textlink="">
      <xdr:nvSpPr>
        <xdr:cNvPr id="616" name="n_2mainValue【学校施設】&#10;一人当たり面積">
          <a:extLst>
            <a:ext uri="{FF2B5EF4-FFF2-40B4-BE49-F238E27FC236}">
              <a16:creationId xmlns:a16="http://schemas.microsoft.com/office/drawing/2014/main" id="{213B20D9-202A-463F-A73A-81D1FA4EEA77}"/>
            </a:ext>
          </a:extLst>
        </xdr:cNvPr>
        <xdr:cNvSpPr txBox="1"/>
      </xdr:nvSpPr>
      <xdr:spPr>
        <a:xfrm>
          <a:off x="17776267" y="10674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20413</xdr:rowOff>
    </xdr:from>
    <xdr:ext cx="469744" cy="259045"/>
    <xdr:sp macro="" textlink="">
      <xdr:nvSpPr>
        <xdr:cNvPr id="617" name="n_3mainValue【学校施設】&#10;一人当たり面積">
          <a:extLst>
            <a:ext uri="{FF2B5EF4-FFF2-40B4-BE49-F238E27FC236}">
              <a16:creationId xmlns:a16="http://schemas.microsoft.com/office/drawing/2014/main" id="{5F5DE7A0-302B-4A06-959E-FAABC83F2BD6}"/>
            </a:ext>
          </a:extLst>
        </xdr:cNvPr>
        <xdr:cNvSpPr txBox="1"/>
      </xdr:nvSpPr>
      <xdr:spPr>
        <a:xfrm>
          <a:off x="17001567" y="10681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28033</xdr:rowOff>
    </xdr:from>
    <xdr:ext cx="469744" cy="259045"/>
    <xdr:sp macro="" textlink="">
      <xdr:nvSpPr>
        <xdr:cNvPr id="618" name="n_4mainValue【学校施設】&#10;一人当たり面積">
          <a:extLst>
            <a:ext uri="{FF2B5EF4-FFF2-40B4-BE49-F238E27FC236}">
              <a16:creationId xmlns:a16="http://schemas.microsoft.com/office/drawing/2014/main" id="{17D2BBD0-EB32-4529-A1E9-C8C5D3317B40}"/>
            </a:ext>
          </a:extLst>
        </xdr:cNvPr>
        <xdr:cNvSpPr txBox="1"/>
      </xdr:nvSpPr>
      <xdr:spPr>
        <a:xfrm>
          <a:off x="16226867" y="10689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9" name="正方形/長方形 618">
          <a:extLst>
            <a:ext uri="{FF2B5EF4-FFF2-40B4-BE49-F238E27FC236}">
              <a16:creationId xmlns:a16="http://schemas.microsoft.com/office/drawing/2014/main" id="{20663DBF-C266-4462-8039-C001023347BA}"/>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0" name="正方形/長方形 619">
          <a:extLst>
            <a:ext uri="{FF2B5EF4-FFF2-40B4-BE49-F238E27FC236}">
              <a16:creationId xmlns:a16="http://schemas.microsoft.com/office/drawing/2014/main" id="{4FFB382D-8C50-49DE-998E-8FDB6A63003F}"/>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1" name="正方形/長方形 620">
          <a:extLst>
            <a:ext uri="{FF2B5EF4-FFF2-40B4-BE49-F238E27FC236}">
              <a16:creationId xmlns:a16="http://schemas.microsoft.com/office/drawing/2014/main" id="{EC66311B-1A6D-4E30-BE06-FDB402213185}"/>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2" name="正方形/長方形 621">
          <a:extLst>
            <a:ext uri="{FF2B5EF4-FFF2-40B4-BE49-F238E27FC236}">
              <a16:creationId xmlns:a16="http://schemas.microsoft.com/office/drawing/2014/main" id="{281C1870-43BC-40F7-AF6D-2AF71A9B5D23}"/>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3" name="正方形/長方形 622">
          <a:extLst>
            <a:ext uri="{FF2B5EF4-FFF2-40B4-BE49-F238E27FC236}">
              <a16:creationId xmlns:a16="http://schemas.microsoft.com/office/drawing/2014/main" id="{BE076C75-35C5-441E-AF08-3B51FD1C9FB4}"/>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4" name="正方形/長方形 623">
          <a:extLst>
            <a:ext uri="{FF2B5EF4-FFF2-40B4-BE49-F238E27FC236}">
              <a16:creationId xmlns:a16="http://schemas.microsoft.com/office/drawing/2014/main" id="{7E26C1C5-1BBE-43DD-922C-F1D59EAC9754}"/>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5" name="正方形/長方形 624">
          <a:extLst>
            <a:ext uri="{FF2B5EF4-FFF2-40B4-BE49-F238E27FC236}">
              <a16:creationId xmlns:a16="http://schemas.microsoft.com/office/drawing/2014/main" id="{3D098396-3BDD-4E04-8076-6EDCCC1AB75E}"/>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6" name="正方形/長方形 625">
          <a:extLst>
            <a:ext uri="{FF2B5EF4-FFF2-40B4-BE49-F238E27FC236}">
              <a16:creationId xmlns:a16="http://schemas.microsoft.com/office/drawing/2014/main" id="{F43B0AB9-79B9-4764-88C7-74C1B8F62D8B}"/>
            </a:ext>
          </a:extLst>
        </xdr:cNvPr>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7" name="正方形/長方形 626">
          <a:extLst>
            <a:ext uri="{FF2B5EF4-FFF2-40B4-BE49-F238E27FC236}">
              <a16:creationId xmlns:a16="http://schemas.microsoft.com/office/drawing/2014/main" id="{08CB957B-534D-4054-B45A-ECA41D33BCEC}"/>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8" name="正方形/長方形 627">
          <a:extLst>
            <a:ext uri="{FF2B5EF4-FFF2-40B4-BE49-F238E27FC236}">
              <a16:creationId xmlns:a16="http://schemas.microsoft.com/office/drawing/2014/main" id="{699D7B85-0302-4E52-BA92-574999609A34}"/>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9" name="正方形/長方形 628">
          <a:extLst>
            <a:ext uri="{FF2B5EF4-FFF2-40B4-BE49-F238E27FC236}">
              <a16:creationId xmlns:a16="http://schemas.microsoft.com/office/drawing/2014/main" id="{BD29E766-4F85-4DEE-98CD-8600A80E6551}"/>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0" name="正方形/長方形 629">
          <a:extLst>
            <a:ext uri="{FF2B5EF4-FFF2-40B4-BE49-F238E27FC236}">
              <a16:creationId xmlns:a16="http://schemas.microsoft.com/office/drawing/2014/main" id="{A9635D4B-94F8-41E4-B0A9-F58B785663B5}"/>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1" name="正方形/長方形 630">
          <a:extLst>
            <a:ext uri="{FF2B5EF4-FFF2-40B4-BE49-F238E27FC236}">
              <a16:creationId xmlns:a16="http://schemas.microsoft.com/office/drawing/2014/main" id="{065779FE-D40B-4260-BF66-B92B61A6AECE}"/>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2" name="正方形/長方形 631">
          <a:extLst>
            <a:ext uri="{FF2B5EF4-FFF2-40B4-BE49-F238E27FC236}">
              <a16:creationId xmlns:a16="http://schemas.microsoft.com/office/drawing/2014/main" id="{4A5F6CD5-89CC-4CF8-8C9F-5136EAE425E8}"/>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3" name="正方形/長方形 632">
          <a:extLst>
            <a:ext uri="{FF2B5EF4-FFF2-40B4-BE49-F238E27FC236}">
              <a16:creationId xmlns:a16="http://schemas.microsoft.com/office/drawing/2014/main" id="{EC62458C-1929-4270-9A35-4650DA2787DF}"/>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4" name="正方形/長方形 633">
          <a:extLst>
            <a:ext uri="{FF2B5EF4-FFF2-40B4-BE49-F238E27FC236}">
              <a16:creationId xmlns:a16="http://schemas.microsoft.com/office/drawing/2014/main" id="{83E94AB0-140D-4077-B87C-2C10392C4441}"/>
            </a:ext>
          </a:extLst>
        </xdr:cNvPr>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5" name="正方形/長方形 634">
          <a:extLst>
            <a:ext uri="{FF2B5EF4-FFF2-40B4-BE49-F238E27FC236}">
              <a16:creationId xmlns:a16="http://schemas.microsoft.com/office/drawing/2014/main" id="{CF154286-5BBA-4C71-92B7-FB7672B1A5D1}"/>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6" name="正方形/長方形 635">
          <a:extLst>
            <a:ext uri="{FF2B5EF4-FFF2-40B4-BE49-F238E27FC236}">
              <a16:creationId xmlns:a16="http://schemas.microsoft.com/office/drawing/2014/main" id="{85AFAFB2-D887-4898-B267-B1698C205092}"/>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7" name="正方形/長方形 636">
          <a:extLst>
            <a:ext uri="{FF2B5EF4-FFF2-40B4-BE49-F238E27FC236}">
              <a16:creationId xmlns:a16="http://schemas.microsoft.com/office/drawing/2014/main" id="{422B9645-3D70-4EBB-B9FC-21B9DAC69BC3}"/>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8" name="正方形/長方形 637">
          <a:extLst>
            <a:ext uri="{FF2B5EF4-FFF2-40B4-BE49-F238E27FC236}">
              <a16:creationId xmlns:a16="http://schemas.microsoft.com/office/drawing/2014/main" id="{662BD70C-59C6-4CD1-A51A-F078E1E80034}"/>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9" name="正方形/長方形 638">
          <a:extLst>
            <a:ext uri="{FF2B5EF4-FFF2-40B4-BE49-F238E27FC236}">
              <a16:creationId xmlns:a16="http://schemas.microsoft.com/office/drawing/2014/main" id="{BF2DDCC1-8878-4BE3-A7F0-8DB5E76561BC}"/>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0" name="正方形/長方形 639">
          <a:extLst>
            <a:ext uri="{FF2B5EF4-FFF2-40B4-BE49-F238E27FC236}">
              <a16:creationId xmlns:a16="http://schemas.microsoft.com/office/drawing/2014/main" id="{0B5A03E1-03D6-4AE4-9574-CB1A8A9CCC3F}"/>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1" name="正方形/長方形 640">
          <a:extLst>
            <a:ext uri="{FF2B5EF4-FFF2-40B4-BE49-F238E27FC236}">
              <a16:creationId xmlns:a16="http://schemas.microsoft.com/office/drawing/2014/main" id="{1D246DC2-07E9-4698-A881-12C8F9E487B7}"/>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2" name="正方形/長方形 641">
          <a:extLst>
            <a:ext uri="{FF2B5EF4-FFF2-40B4-BE49-F238E27FC236}">
              <a16:creationId xmlns:a16="http://schemas.microsoft.com/office/drawing/2014/main" id="{BDE0A277-0180-42FD-9DD1-53581E375188}"/>
            </a:ext>
          </a:extLst>
        </xdr:cNvPr>
        <xdr:cNvSpPr/>
      </xdr:nvSpPr>
      <xdr:spPr>
        <a:xfrm>
          <a:off x="1096010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3" name="正方形/長方形 642">
          <a:extLst>
            <a:ext uri="{FF2B5EF4-FFF2-40B4-BE49-F238E27FC236}">
              <a16:creationId xmlns:a16="http://schemas.microsoft.com/office/drawing/2014/main" id="{41699189-3065-41FC-8336-C63328639571}"/>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4" name="正方形/長方形 643">
          <a:extLst>
            <a:ext uri="{FF2B5EF4-FFF2-40B4-BE49-F238E27FC236}">
              <a16:creationId xmlns:a16="http://schemas.microsoft.com/office/drawing/2014/main" id="{7D185D04-6211-48F5-9756-58672CC01E66}"/>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5" name="正方形/長方形 644">
          <a:extLst>
            <a:ext uri="{FF2B5EF4-FFF2-40B4-BE49-F238E27FC236}">
              <a16:creationId xmlns:a16="http://schemas.microsoft.com/office/drawing/2014/main" id="{42E320E9-58B7-4CE2-862C-1CBA250AE1E0}"/>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6" name="正方形/長方形 645">
          <a:extLst>
            <a:ext uri="{FF2B5EF4-FFF2-40B4-BE49-F238E27FC236}">
              <a16:creationId xmlns:a16="http://schemas.microsoft.com/office/drawing/2014/main" id="{BE6E01E7-CBF1-4C18-B280-3F34D1ABFE27}"/>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47" name="正方形/長方形 646">
          <a:extLst>
            <a:ext uri="{FF2B5EF4-FFF2-40B4-BE49-F238E27FC236}">
              <a16:creationId xmlns:a16="http://schemas.microsoft.com/office/drawing/2014/main" id="{D5A743A7-AA9E-44EC-9BE3-FD8EB7B5A4F9}"/>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48" name="正方形/長方形 647">
          <a:extLst>
            <a:ext uri="{FF2B5EF4-FFF2-40B4-BE49-F238E27FC236}">
              <a16:creationId xmlns:a16="http://schemas.microsoft.com/office/drawing/2014/main" id="{C4D627DB-9C92-4D65-AB10-73ECDF23EEA3}"/>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9" name="正方形/長方形 648">
          <a:extLst>
            <a:ext uri="{FF2B5EF4-FFF2-40B4-BE49-F238E27FC236}">
              <a16:creationId xmlns:a16="http://schemas.microsoft.com/office/drawing/2014/main" id="{D0A2A57E-127D-490E-9173-D98CEDEC6ADB}"/>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0" name="正方形/長方形 649">
          <a:extLst>
            <a:ext uri="{FF2B5EF4-FFF2-40B4-BE49-F238E27FC236}">
              <a16:creationId xmlns:a16="http://schemas.microsoft.com/office/drawing/2014/main" id="{8AFF42A4-F956-465E-A6C2-F78F4D8118B1}"/>
            </a:ext>
          </a:extLst>
        </xdr:cNvPr>
        <xdr:cNvSpPr/>
      </xdr:nvSpPr>
      <xdr:spPr>
        <a:xfrm>
          <a:off x="1609344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1" name="正方形/長方形 650">
          <a:extLst>
            <a:ext uri="{FF2B5EF4-FFF2-40B4-BE49-F238E27FC236}">
              <a16:creationId xmlns:a16="http://schemas.microsoft.com/office/drawing/2014/main" id="{14819E93-3EAE-4AB8-B3E4-8E416DC8D4A6}"/>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2" name="正方形/長方形 651">
          <a:extLst>
            <a:ext uri="{FF2B5EF4-FFF2-40B4-BE49-F238E27FC236}">
              <a16:creationId xmlns:a16="http://schemas.microsoft.com/office/drawing/2014/main" id="{3DAEA136-F69C-498B-AF90-4FCA39B75305}"/>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3" name="テキスト ボックス 652">
          <a:extLst>
            <a:ext uri="{FF2B5EF4-FFF2-40B4-BE49-F238E27FC236}">
              <a16:creationId xmlns:a16="http://schemas.microsoft.com/office/drawing/2014/main" id="{CC21EC66-BB97-4494-86D6-D66F52221101}"/>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二宮町における上記表のような施設の減価償却率は、類似団体平均値と比較しても非常に高い数値となっており、施設の老朽化は深刻な状況となっている。現在、道路等のインフラ設備に関しては、橋梁長寿命化計画や道路トンネル長寿命化計画に基づき老朽化した部分の修繕等を進めているところであり、その他施設についても、二宮町公共施設再配置・町有地有効活用実施計画等に基づき、優先順位を考えながら、町にとってより効果的な結果となるよう更新又は長寿命化改修などを進めることで状況の改善を図る必要があ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C0A4C5FF-FC4F-4F7F-ADBF-9FBB0B202CD5}"/>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18DC897D-DAD8-4F7F-8348-2D1A4157A090}"/>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49D3AA35-0DAF-450A-BF78-AE9A9A431957}"/>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1D0727F8-2B9D-430A-A328-D3B8C0E7F5A9}"/>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B36B3BD-CCDE-4F10-8211-7C250A3B3C5A}"/>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CB12D2D9-6049-46DE-97BB-890F4F42C4B3}"/>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DEDACA37-3BF8-4F6C-A26E-A53223D2915C}"/>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F89E068D-65A9-45F8-9805-36E6E356F9DF}"/>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8485C272-7FF6-42D6-BDF2-F833E64CB9EF}"/>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CE831C56-23F5-440E-A224-F1BD85CBDA6B}"/>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925
27,676
9.08
10,129,636
9,579,851
477,972
6,141,232
6,980,4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11E53312-F743-4E24-A6A4-739B84900EE9}"/>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F996611-C3B4-4231-AB1D-3E68DDDA09A9}"/>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719EEE0E-EEDE-41EB-976D-0D96C06D6247}"/>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65A26F00-AC90-4357-A549-0CE0BFFA6836}"/>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8A3B39DC-0E1F-4ADA-A648-DC476E4BF2F9}"/>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BB1CAAB7-7F47-4B15-BBB7-57651DDA64D9}"/>
            </a:ext>
          </a:extLst>
        </xdr:cNvPr>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D9FBDFEF-0886-44A9-AF14-46C4F2802BDE}"/>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59DF053-020A-4893-9935-25DB52E0C046}"/>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B421AE74-70DE-43A5-B149-2190F2BD8F88}"/>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503AA39B-DB3A-4A8D-96C9-0B6F6B39A6A7}"/>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A57B7F08-7672-4D50-82CA-E4BBD29F39D6}"/>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C4751B2C-26A8-4161-8E7E-6CF4C546126F}"/>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B57D9A41-68BC-428C-8778-6EFE36443CB7}"/>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C8160E3-CD69-4A8C-BB02-66E42EAD691F}"/>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5A22C43A-3020-4D5A-B921-5670A7D53595}"/>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95F288D5-C772-44E4-AE90-12ED1666630F}"/>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2C283B5D-4A1E-41ED-9D34-3CB31FE0DDF7}"/>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19F50CEF-00EB-4D28-9146-4F4E6A7D1843}"/>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B05A8EDE-8BD9-4BBB-BECF-8BCD0AB50929}"/>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BA74A532-D0F5-41AE-AB02-0A36AB9BB340}"/>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69509FCF-36F1-496C-96CE-DC9B2973B8C4}"/>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6EFBEFB2-1AEA-42DC-9EC4-52A9BE436194}"/>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4737A3D6-A392-4390-BDAF-C696CB864CC4}"/>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5685C48E-A150-433E-A076-AC2A57F74DC9}"/>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67B1B9A0-2ECC-40CB-AA87-268266D474D0}"/>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676A3F6D-73EF-446F-AB75-58331A52A4D7}"/>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98DD890B-D8C3-4C53-90BD-DAF6518BCA66}"/>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717E8350-79EB-4D17-BBCD-4D03EFF89362}"/>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FEDC75D4-4C9B-47BD-A6F4-FACFC237791D}"/>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844FA5F1-5E44-4A76-9CF5-4C335DE207DD}"/>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D3B36071-63E8-4B28-B04E-E4DE1131A5CD}"/>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D1D4D53A-F447-40C0-94C5-A215D9F29A2D}"/>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6DF4B3FA-6047-4E27-BADC-7AD8C341FFB5}"/>
            </a:ext>
          </a:extLst>
        </xdr:cNvPr>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0A71F25A-5FD3-40FA-B373-FC958E8BD26A}"/>
            </a:ext>
          </a:extLst>
        </xdr:cNvPr>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8488958D-DAB3-40DD-9776-FBD1E0B84E69}"/>
            </a:ext>
          </a:extLst>
        </xdr:cNvPr>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49382474-D4F8-49D0-8A69-7A40A34D2A7F}"/>
            </a:ext>
          </a:extLst>
        </xdr:cNvPr>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9DF2F1D4-D723-4598-8558-72D3031F44C7}"/>
            </a:ext>
          </a:extLst>
        </xdr:cNvPr>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1A1BE911-49E5-4C81-ADF9-CD08100244AB}"/>
            </a:ext>
          </a:extLst>
        </xdr:cNvPr>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04354301-BEC2-4614-B036-AE44CD73F80A}"/>
            </a:ext>
          </a:extLst>
        </xdr:cNvPr>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9EDCB9B8-109A-4646-8558-F329FE1A8511}"/>
            </a:ext>
          </a:extLst>
        </xdr:cNvPr>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C7F84EC5-24BC-4F8E-A9B0-9A72D49C0773}"/>
            </a:ext>
          </a:extLst>
        </xdr:cNvPr>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8CBE7B92-C000-475D-8232-5FD630FD7319}"/>
            </a:ext>
          </a:extLst>
        </xdr:cNvPr>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1276F16D-575C-4ACA-B75A-12C993835DEC}"/>
            </a:ext>
          </a:extLst>
        </xdr:cNvPr>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15D86AFB-51E5-4B73-BB6E-DCF61220ED75}"/>
            </a:ext>
          </a:extLst>
        </xdr:cNvPr>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546B8F55-D214-48F9-AD11-3B7244FC6428}"/>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8CB3C8EB-362D-490C-9B90-81CDFCEADB30}"/>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12123</xdr:rowOff>
    </xdr:from>
    <xdr:to>
      <xdr:col>24</xdr:col>
      <xdr:colOff>62865</xdr:colOff>
      <xdr:row>42</xdr:row>
      <xdr:rowOff>85997</xdr:rowOff>
    </xdr:to>
    <xdr:cxnSp macro="">
      <xdr:nvCxnSpPr>
        <xdr:cNvPr id="58" name="直線コネクタ 57">
          <a:extLst>
            <a:ext uri="{FF2B5EF4-FFF2-40B4-BE49-F238E27FC236}">
              <a16:creationId xmlns:a16="http://schemas.microsoft.com/office/drawing/2014/main" id="{D2479ED3-AFC3-40D8-8B5C-3860863BBCD0}"/>
            </a:ext>
          </a:extLst>
        </xdr:cNvPr>
        <xdr:cNvCxnSpPr/>
      </xdr:nvCxnSpPr>
      <xdr:spPr>
        <a:xfrm flipV="1">
          <a:off x="4086225" y="5644243"/>
          <a:ext cx="0" cy="1482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9824</xdr:rowOff>
    </xdr:from>
    <xdr:ext cx="405111" cy="259045"/>
    <xdr:sp macro="" textlink="">
      <xdr:nvSpPr>
        <xdr:cNvPr id="59" name="【図書館】&#10;有形固定資産減価償却率最小値テキスト">
          <a:extLst>
            <a:ext uri="{FF2B5EF4-FFF2-40B4-BE49-F238E27FC236}">
              <a16:creationId xmlns:a16="http://schemas.microsoft.com/office/drawing/2014/main" id="{B9EF27C8-3932-42F7-B77B-9482C7457FB8}"/>
            </a:ext>
          </a:extLst>
        </xdr:cNvPr>
        <xdr:cNvSpPr txBox="1"/>
      </xdr:nvSpPr>
      <xdr:spPr>
        <a:xfrm>
          <a:off x="4124960" y="71307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5997</xdr:rowOff>
    </xdr:from>
    <xdr:to>
      <xdr:col>24</xdr:col>
      <xdr:colOff>152400</xdr:colOff>
      <xdr:row>42</xdr:row>
      <xdr:rowOff>85997</xdr:rowOff>
    </xdr:to>
    <xdr:cxnSp macro="">
      <xdr:nvCxnSpPr>
        <xdr:cNvPr id="60" name="直線コネクタ 59">
          <a:extLst>
            <a:ext uri="{FF2B5EF4-FFF2-40B4-BE49-F238E27FC236}">
              <a16:creationId xmlns:a16="http://schemas.microsoft.com/office/drawing/2014/main" id="{5F07B461-857A-408E-BF4D-0FAEC7F4E8B6}"/>
            </a:ext>
          </a:extLst>
        </xdr:cNvPr>
        <xdr:cNvCxnSpPr/>
      </xdr:nvCxnSpPr>
      <xdr:spPr>
        <a:xfrm>
          <a:off x="4020820" y="712687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58800</xdr:rowOff>
    </xdr:from>
    <xdr:ext cx="340478" cy="259045"/>
    <xdr:sp macro="" textlink="">
      <xdr:nvSpPr>
        <xdr:cNvPr id="61" name="【図書館】&#10;有形固定資産減価償却率最大値テキスト">
          <a:extLst>
            <a:ext uri="{FF2B5EF4-FFF2-40B4-BE49-F238E27FC236}">
              <a16:creationId xmlns:a16="http://schemas.microsoft.com/office/drawing/2014/main" id="{B28B4308-8B49-4C79-990A-E9F3093C473E}"/>
            </a:ext>
          </a:extLst>
        </xdr:cNvPr>
        <xdr:cNvSpPr txBox="1"/>
      </xdr:nvSpPr>
      <xdr:spPr>
        <a:xfrm>
          <a:off x="4124960" y="542328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12123</xdr:rowOff>
    </xdr:from>
    <xdr:to>
      <xdr:col>24</xdr:col>
      <xdr:colOff>152400</xdr:colOff>
      <xdr:row>33</xdr:row>
      <xdr:rowOff>112123</xdr:rowOff>
    </xdr:to>
    <xdr:cxnSp macro="">
      <xdr:nvCxnSpPr>
        <xdr:cNvPr id="62" name="直線コネクタ 61">
          <a:extLst>
            <a:ext uri="{FF2B5EF4-FFF2-40B4-BE49-F238E27FC236}">
              <a16:creationId xmlns:a16="http://schemas.microsoft.com/office/drawing/2014/main" id="{C3931EB9-640F-4D74-A72D-E27AA4277395}"/>
            </a:ext>
          </a:extLst>
        </xdr:cNvPr>
        <xdr:cNvCxnSpPr/>
      </xdr:nvCxnSpPr>
      <xdr:spPr>
        <a:xfrm>
          <a:off x="4020820" y="564424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9717</xdr:rowOff>
    </xdr:from>
    <xdr:ext cx="405111" cy="259045"/>
    <xdr:sp macro="" textlink="">
      <xdr:nvSpPr>
        <xdr:cNvPr id="63" name="【図書館】&#10;有形固定資産減価償却率平均値テキスト">
          <a:extLst>
            <a:ext uri="{FF2B5EF4-FFF2-40B4-BE49-F238E27FC236}">
              <a16:creationId xmlns:a16="http://schemas.microsoft.com/office/drawing/2014/main" id="{3DA451B0-C722-4202-A50D-B46339D31015}"/>
            </a:ext>
          </a:extLst>
        </xdr:cNvPr>
        <xdr:cNvSpPr txBox="1"/>
      </xdr:nvSpPr>
      <xdr:spPr>
        <a:xfrm>
          <a:off x="4124960" y="6174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6840</xdr:rowOff>
    </xdr:from>
    <xdr:to>
      <xdr:col>24</xdr:col>
      <xdr:colOff>114300</xdr:colOff>
      <xdr:row>38</xdr:row>
      <xdr:rowOff>46990</xdr:rowOff>
    </xdr:to>
    <xdr:sp macro="" textlink="">
      <xdr:nvSpPr>
        <xdr:cNvPr id="64" name="フローチャート: 判断 63">
          <a:extLst>
            <a:ext uri="{FF2B5EF4-FFF2-40B4-BE49-F238E27FC236}">
              <a16:creationId xmlns:a16="http://schemas.microsoft.com/office/drawing/2014/main" id="{C8DAAD59-52FD-4365-9621-CAC63434BE77}"/>
            </a:ext>
          </a:extLst>
        </xdr:cNvPr>
        <xdr:cNvSpPr/>
      </xdr:nvSpPr>
      <xdr:spPr>
        <a:xfrm>
          <a:off x="4036060" y="63195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0917</xdr:rowOff>
    </xdr:from>
    <xdr:to>
      <xdr:col>20</xdr:col>
      <xdr:colOff>38100</xdr:colOff>
      <xdr:row>38</xdr:row>
      <xdr:rowOff>11068</xdr:rowOff>
    </xdr:to>
    <xdr:sp macro="" textlink="">
      <xdr:nvSpPr>
        <xdr:cNvPr id="65" name="フローチャート: 判断 64">
          <a:extLst>
            <a:ext uri="{FF2B5EF4-FFF2-40B4-BE49-F238E27FC236}">
              <a16:creationId xmlns:a16="http://schemas.microsoft.com/office/drawing/2014/main" id="{07669B2E-9A58-4876-B2B3-4E12F10123C5}"/>
            </a:ext>
          </a:extLst>
        </xdr:cNvPr>
        <xdr:cNvSpPr/>
      </xdr:nvSpPr>
      <xdr:spPr>
        <a:xfrm>
          <a:off x="3312160" y="6283597"/>
          <a:ext cx="78740" cy="9779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41728</xdr:rowOff>
    </xdr:from>
    <xdr:to>
      <xdr:col>15</xdr:col>
      <xdr:colOff>101600</xdr:colOff>
      <xdr:row>37</xdr:row>
      <xdr:rowOff>143328</xdr:rowOff>
    </xdr:to>
    <xdr:sp macro="" textlink="">
      <xdr:nvSpPr>
        <xdr:cNvPr id="66" name="フローチャート: 判断 65">
          <a:extLst>
            <a:ext uri="{FF2B5EF4-FFF2-40B4-BE49-F238E27FC236}">
              <a16:creationId xmlns:a16="http://schemas.microsoft.com/office/drawing/2014/main" id="{7C6A9076-34D4-4C06-B382-4535E0871B23}"/>
            </a:ext>
          </a:extLst>
        </xdr:cNvPr>
        <xdr:cNvSpPr/>
      </xdr:nvSpPr>
      <xdr:spPr>
        <a:xfrm>
          <a:off x="2514600" y="6244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3</xdr:rowOff>
    </xdr:from>
    <xdr:to>
      <xdr:col>10</xdr:col>
      <xdr:colOff>165100</xdr:colOff>
      <xdr:row>37</xdr:row>
      <xdr:rowOff>117203</xdr:rowOff>
    </xdr:to>
    <xdr:sp macro="" textlink="">
      <xdr:nvSpPr>
        <xdr:cNvPr id="67" name="フローチャート: 判断 66">
          <a:extLst>
            <a:ext uri="{FF2B5EF4-FFF2-40B4-BE49-F238E27FC236}">
              <a16:creationId xmlns:a16="http://schemas.microsoft.com/office/drawing/2014/main" id="{5348FCEC-FFDE-4C42-B2B1-821EA75B1CB1}"/>
            </a:ext>
          </a:extLst>
        </xdr:cNvPr>
        <xdr:cNvSpPr/>
      </xdr:nvSpPr>
      <xdr:spPr>
        <a:xfrm>
          <a:off x="1739900" y="6218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9072</xdr:rowOff>
    </xdr:from>
    <xdr:to>
      <xdr:col>6</xdr:col>
      <xdr:colOff>38100</xdr:colOff>
      <xdr:row>37</xdr:row>
      <xdr:rowOff>110672</xdr:rowOff>
    </xdr:to>
    <xdr:sp macro="" textlink="">
      <xdr:nvSpPr>
        <xdr:cNvPr id="68" name="フローチャート: 判断 67">
          <a:extLst>
            <a:ext uri="{FF2B5EF4-FFF2-40B4-BE49-F238E27FC236}">
              <a16:creationId xmlns:a16="http://schemas.microsoft.com/office/drawing/2014/main" id="{A894B181-6C8B-4B1A-B5EC-36A3C2ED5641}"/>
            </a:ext>
          </a:extLst>
        </xdr:cNvPr>
        <xdr:cNvSpPr/>
      </xdr:nvSpPr>
      <xdr:spPr>
        <a:xfrm>
          <a:off x="965200" y="621175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22AEA172-801F-4511-B1AC-E01F558297CA}"/>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786D74C3-D1A2-470A-8A90-3ED28EFFE426}"/>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ABAEA9B7-5BA1-467A-8830-049DC87CBDDD}"/>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9CFDBA33-1533-48A2-AC64-81E009445D45}"/>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7B6EA6E9-2185-42E7-92D5-7A2411783114}"/>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8057</xdr:rowOff>
    </xdr:from>
    <xdr:to>
      <xdr:col>24</xdr:col>
      <xdr:colOff>114300</xdr:colOff>
      <xdr:row>38</xdr:row>
      <xdr:rowOff>159657</xdr:rowOff>
    </xdr:to>
    <xdr:sp macro="" textlink="">
      <xdr:nvSpPr>
        <xdr:cNvPr id="74" name="楕円 73">
          <a:extLst>
            <a:ext uri="{FF2B5EF4-FFF2-40B4-BE49-F238E27FC236}">
              <a16:creationId xmlns:a16="http://schemas.microsoft.com/office/drawing/2014/main" id="{DEBA7D37-2229-45DC-AA98-8B7AFF09C24D}"/>
            </a:ext>
          </a:extLst>
        </xdr:cNvPr>
        <xdr:cNvSpPr/>
      </xdr:nvSpPr>
      <xdr:spPr>
        <a:xfrm>
          <a:off x="4036060" y="6428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36484</xdr:rowOff>
    </xdr:from>
    <xdr:ext cx="405111" cy="259045"/>
    <xdr:sp macro="" textlink="">
      <xdr:nvSpPr>
        <xdr:cNvPr id="75" name="【図書館】&#10;有形固定資産減価償却率該当値テキスト">
          <a:extLst>
            <a:ext uri="{FF2B5EF4-FFF2-40B4-BE49-F238E27FC236}">
              <a16:creationId xmlns:a16="http://schemas.microsoft.com/office/drawing/2014/main" id="{DE04B1DF-59CC-4702-A95A-91C29CB50999}"/>
            </a:ext>
          </a:extLst>
        </xdr:cNvPr>
        <xdr:cNvSpPr txBox="1"/>
      </xdr:nvSpPr>
      <xdr:spPr>
        <a:xfrm>
          <a:off x="4124960" y="6406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2337</xdr:rowOff>
    </xdr:from>
    <xdr:to>
      <xdr:col>20</xdr:col>
      <xdr:colOff>38100</xdr:colOff>
      <xdr:row>38</xdr:row>
      <xdr:rowOff>113937</xdr:rowOff>
    </xdr:to>
    <xdr:sp macro="" textlink="">
      <xdr:nvSpPr>
        <xdr:cNvPr id="76" name="楕円 75">
          <a:extLst>
            <a:ext uri="{FF2B5EF4-FFF2-40B4-BE49-F238E27FC236}">
              <a16:creationId xmlns:a16="http://schemas.microsoft.com/office/drawing/2014/main" id="{128216EB-FF2C-49E3-B85E-69B2FC391E88}"/>
            </a:ext>
          </a:extLst>
        </xdr:cNvPr>
        <xdr:cNvSpPr/>
      </xdr:nvSpPr>
      <xdr:spPr>
        <a:xfrm>
          <a:off x="3312160" y="638265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63137</xdr:rowOff>
    </xdr:from>
    <xdr:to>
      <xdr:col>24</xdr:col>
      <xdr:colOff>63500</xdr:colOff>
      <xdr:row>38</xdr:row>
      <xdr:rowOff>108857</xdr:rowOff>
    </xdr:to>
    <xdr:cxnSp macro="">
      <xdr:nvCxnSpPr>
        <xdr:cNvPr id="77" name="直線コネクタ 76">
          <a:extLst>
            <a:ext uri="{FF2B5EF4-FFF2-40B4-BE49-F238E27FC236}">
              <a16:creationId xmlns:a16="http://schemas.microsoft.com/office/drawing/2014/main" id="{6E7AB086-7ED2-4BB9-8F4C-50EDA9D042B6}"/>
            </a:ext>
          </a:extLst>
        </xdr:cNvPr>
        <xdr:cNvCxnSpPr/>
      </xdr:nvCxnSpPr>
      <xdr:spPr>
        <a:xfrm>
          <a:off x="3355340" y="6433457"/>
          <a:ext cx="73152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47864</xdr:rowOff>
    </xdr:from>
    <xdr:to>
      <xdr:col>15</xdr:col>
      <xdr:colOff>101600</xdr:colOff>
      <xdr:row>38</xdr:row>
      <xdr:rowOff>78014</xdr:rowOff>
    </xdr:to>
    <xdr:sp macro="" textlink="">
      <xdr:nvSpPr>
        <xdr:cNvPr id="78" name="楕円 77">
          <a:extLst>
            <a:ext uri="{FF2B5EF4-FFF2-40B4-BE49-F238E27FC236}">
              <a16:creationId xmlns:a16="http://schemas.microsoft.com/office/drawing/2014/main" id="{316D7AD2-705A-463A-AF02-2DA86DB7DC52}"/>
            </a:ext>
          </a:extLst>
        </xdr:cNvPr>
        <xdr:cNvSpPr/>
      </xdr:nvSpPr>
      <xdr:spPr>
        <a:xfrm>
          <a:off x="2514600" y="635054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27215</xdr:rowOff>
    </xdr:from>
    <xdr:to>
      <xdr:col>19</xdr:col>
      <xdr:colOff>177800</xdr:colOff>
      <xdr:row>38</xdr:row>
      <xdr:rowOff>63137</xdr:rowOff>
    </xdr:to>
    <xdr:cxnSp macro="">
      <xdr:nvCxnSpPr>
        <xdr:cNvPr id="79" name="直線コネクタ 78">
          <a:extLst>
            <a:ext uri="{FF2B5EF4-FFF2-40B4-BE49-F238E27FC236}">
              <a16:creationId xmlns:a16="http://schemas.microsoft.com/office/drawing/2014/main" id="{0F2BD432-4AA4-49B4-9246-B0F99A30733B}"/>
            </a:ext>
          </a:extLst>
        </xdr:cNvPr>
        <xdr:cNvCxnSpPr/>
      </xdr:nvCxnSpPr>
      <xdr:spPr>
        <a:xfrm>
          <a:off x="2565400" y="6397535"/>
          <a:ext cx="78994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03777</xdr:rowOff>
    </xdr:from>
    <xdr:to>
      <xdr:col>10</xdr:col>
      <xdr:colOff>165100</xdr:colOff>
      <xdr:row>38</xdr:row>
      <xdr:rowOff>33927</xdr:rowOff>
    </xdr:to>
    <xdr:sp macro="" textlink="">
      <xdr:nvSpPr>
        <xdr:cNvPr id="80" name="楕円 79">
          <a:extLst>
            <a:ext uri="{FF2B5EF4-FFF2-40B4-BE49-F238E27FC236}">
              <a16:creationId xmlns:a16="http://schemas.microsoft.com/office/drawing/2014/main" id="{CF094ECF-6AEA-46A1-AF78-396D8CF7723F}"/>
            </a:ext>
          </a:extLst>
        </xdr:cNvPr>
        <xdr:cNvSpPr/>
      </xdr:nvSpPr>
      <xdr:spPr>
        <a:xfrm>
          <a:off x="1739900" y="630645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54577</xdr:rowOff>
    </xdr:from>
    <xdr:to>
      <xdr:col>15</xdr:col>
      <xdr:colOff>50800</xdr:colOff>
      <xdr:row>38</xdr:row>
      <xdr:rowOff>27215</xdr:rowOff>
    </xdr:to>
    <xdr:cxnSp macro="">
      <xdr:nvCxnSpPr>
        <xdr:cNvPr id="81" name="直線コネクタ 80">
          <a:extLst>
            <a:ext uri="{FF2B5EF4-FFF2-40B4-BE49-F238E27FC236}">
              <a16:creationId xmlns:a16="http://schemas.microsoft.com/office/drawing/2014/main" id="{FB5B53D1-0FD5-490D-ADAF-5CC85B7D90CC}"/>
            </a:ext>
          </a:extLst>
        </xdr:cNvPr>
        <xdr:cNvCxnSpPr/>
      </xdr:nvCxnSpPr>
      <xdr:spPr>
        <a:xfrm>
          <a:off x="1790700" y="6357257"/>
          <a:ext cx="774700" cy="40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59690</xdr:rowOff>
    </xdr:from>
    <xdr:to>
      <xdr:col>6</xdr:col>
      <xdr:colOff>38100</xdr:colOff>
      <xdr:row>37</xdr:row>
      <xdr:rowOff>161290</xdr:rowOff>
    </xdr:to>
    <xdr:sp macro="" textlink="">
      <xdr:nvSpPr>
        <xdr:cNvPr id="82" name="楕円 81">
          <a:extLst>
            <a:ext uri="{FF2B5EF4-FFF2-40B4-BE49-F238E27FC236}">
              <a16:creationId xmlns:a16="http://schemas.microsoft.com/office/drawing/2014/main" id="{642F98ED-1020-4579-9945-E7820FEE6869}"/>
            </a:ext>
          </a:extLst>
        </xdr:cNvPr>
        <xdr:cNvSpPr/>
      </xdr:nvSpPr>
      <xdr:spPr>
        <a:xfrm>
          <a:off x="965200" y="626237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10490</xdr:rowOff>
    </xdr:from>
    <xdr:to>
      <xdr:col>10</xdr:col>
      <xdr:colOff>114300</xdr:colOff>
      <xdr:row>37</xdr:row>
      <xdr:rowOff>154577</xdr:rowOff>
    </xdr:to>
    <xdr:cxnSp macro="">
      <xdr:nvCxnSpPr>
        <xdr:cNvPr id="83" name="直線コネクタ 82">
          <a:extLst>
            <a:ext uri="{FF2B5EF4-FFF2-40B4-BE49-F238E27FC236}">
              <a16:creationId xmlns:a16="http://schemas.microsoft.com/office/drawing/2014/main" id="{669FBBD2-9F51-4459-8422-5ED23F5EA80E}"/>
            </a:ext>
          </a:extLst>
        </xdr:cNvPr>
        <xdr:cNvCxnSpPr/>
      </xdr:nvCxnSpPr>
      <xdr:spPr>
        <a:xfrm>
          <a:off x="1008380" y="6313170"/>
          <a:ext cx="78232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27594</xdr:rowOff>
    </xdr:from>
    <xdr:ext cx="405111" cy="259045"/>
    <xdr:sp macro="" textlink="">
      <xdr:nvSpPr>
        <xdr:cNvPr id="84" name="n_1aveValue【図書館】&#10;有形固定資産減価償却率">
          <a:extLst>
            <a:ext uri="{FF2B5EF4-FFF2-40B4-BE49-F238E27FC236}">
              <a16:creationId xmlns:a16="http://schemas.microsoft.com/office/drawing/2014/main" id="{1ED4946C-1600-4E97-BFCD-CA6A6D3F473A}"/>
            </a:ext>
          </a:extLst>
        </xdr:cNvPr>
        <xdr:cNvSpPr txBox="1"/>
      </xdr:nvSpPr>
      <xdr:spPr>
        <a:xfrm>
          <a:off x="3170564" y="6062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59855</xdr:rowOff>
    </xdr:from>
    <xdr:ext cx="405111" cy="259045"/>
    <xdr:sp macro="" textlink="">
      <xdr:nvSpPr>
        <xdr:cNvPr id="85" name="n_2aveValue【図書館】&#10;有形固定資産減価償却率">
          <a:extLst>
            <a:ext uri="{FF2B5EF4-FFF2-40B4-BE49-F238E27FC236}">
              <a16:creationId xmlns:a16="http://schemas.microsoft.com/office/drawing/2014/main" id="{5EEEBA89-344C-468B-BDB3-0B584DF3D96D}"/>
            </a:ext>
          </a:extLst>
        </xdr:cNvPr>
        <xdr:cNvSpPr txBox="1"/>
      </xdr:nvSpPr>
      <xdr:spPr>
        <a:xfrm>
          <a:off x="2385704" y="6027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33730</xdr:rowOff>
    </xdr:from>
    <xdr:ext cx="405111" cy="259045"/>
    <xdr:sp macro="" textlink="">
      <xdr:nvSpPr>
        <xdr:cNvPr id="86" name="n_3aveValue【図書館】&#10;有形固定資産減価償却率">
          <a:extLst>
            <a:ext uri="{FF2B5EF4-FFF2-40B4-BE49-F238E27FC236}">
              <a16:creationId xmlns:a16="http://schemas.microsoft.com/office/drawing/2014/main" id="{B38A1DE3-A3CB-4B0B-A40C-E2826D03DA94}"/>
            </a:ext>
          </a:extLst>
        </xdr:cNvPr>
        <xdr:cNvSpPr txBox="1"/>
      </xdr:nvSpPr>
      <xdr:spPr>
        <a:xfrm>
          <a:off x="1611004" y="60011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27199</xdr:rowOff>
    </xdr:from>
    <xdr:ext cx="405111" cy="259045"/>
    <xdr:sp macro="" textlink="">
      <xdr:nvSpPr>
        <xdr:cNvPr id="87" name="n_4aveValue【図書館】&#10;有形固定資産減価償却率">
          <a:extLst>
            <a:ext uri="{FF2B5EF4-FFF2-40B4-BE49-F238E27FC236}">
              <a16:creationId xmlns:a16="http://schemas.microsoft.com/office/drawing/2014/main" id="{5422E984-3356-42EB-81E8-AD2E4312F136}"/>
            </a:ext>
          </a:extLst>
        </xdr:cNvPr>
        <xdr:cNvSpPr txBox="1"/>
      </xdr:nvSpPr>
      <xdr:spPr>
        <a:xfrm>
          <a:off x="836304" y="599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05064</xdr:rowOff>
    </xdr:from>
    <xdr:ext cx="405111" cy="259045"/>
    <xdr:sp macro="" textlink="">
      <xdr:nvSpPr>
        <xdr:cNvPr id="88" name="n_1mainValue【図書館】&#10;有形固定資産減価償却率">
          <a:extLst>
            <a:ext uri="{FF2B5EF4-FFF2-40B4-BE49-F238E27FC236}">
              <a16:creationId xmlns:a16="http://schemas.microsoft.com/office/drawing/2014/main" id="{56050C76-8780-4B49-BC1C-8BE1BA5B6B84}"/>
            </a:ext>
          </a:extLst>
        </xdr:cNvPr>
        <xdr:cNvSpPr txBox="1"/>
      </xdr:nvSpPr>
      <xdr:spPr>
        <a:xfrm>
          <a:off x="3170564" y="64753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69142</xdr:rowOff>
    </xdr:from>
    <xdr:ext cx="405111" cy="259045"/>
    <xdr:sp macro="" textlink="">
      <xdr:nvSpPr>
        <xdr:cNvPr id="89" name="n_2mainValue【図書館】&#10;有形固定資産減価償却率">
          <a:extLst>
            <a:ext uri="{FF2B5EF4-FFF2-40B4-BE49-F238E27FC236}">
              <a16:creationId xmlns:a16="http://schemas.microsoft.com/office/drawing/2014/main" id="{1933C023-4673-4BCA-813B-DC5E4D22B2AC}"/>
            </a:ext>
          </a:extLst>
        </xdr:cNvPr>
        <xdr:cNvSpPr txBox="1"/>
      </xdr:nvSpPr>
      <xdr:spPr>
        <a:xfrm>
          <a:off x="2385704" y="6439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25054</xdr:rowOff>
    </xdr:from>
    <xdr:ext cx="405111" cy="259045"/>
    <xdr:sp macro="" textlink="">
      <xdr:nvSpPr>
        <xdr:cNvPr id="90" name="n_3mainValue【図書館】&#10;有形固定資産減価償却率">
          <a:extLst>
            <a:ext uri="{FF2B5EF4-FFF2-40B4-BE49-F238E27FC236}">
              <a16:creationId xmlns:a16="http://schemas.microsoft.com/office/drawing/2014/main" id="{1A7C0E49-5560-495A-9FC6-06AAA24887AC}"/>
            </a:ext>
          </a:extLst>
        </xdr:cNvPr>
        <xdr:cNvSpPr txBox="1"/>
      </xdr:nvSpPr>
      <xdr:spPr>
        <a:xfrm>
          <a:off x="1611004" y="63953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52417</xdr:rowOff>
    </xdr:from>
    <xdr:ext cx="405111" cy="259045"/>
    <xdr:sp macro="" textlink="">
      <xdr:nvSpPr>
        <xdr:cNvPr id="91" name="n_4mainValue【図書館】&#10;有形固定資産減価償却率">
          <a:extLst>
            <a:ext uri="{FF2B5EF4-FFF2-40B4-BE49-F238E27FC236}">
              <a16:creationId xmlns:a16="http://schemas.microsoft.com/office/drawing/2014/main" id="{6722D126-789B-4875-920C-82B7423DB867}"/>
            </a:ext>
          </a:extLst>
        </xdr:cNvPr>
        <xdr:cNvSpPr txBox="1"/>
      </xdr:nvSpPr>
      <xdr:spPr>
        <a:xfrm>
          <a:off x="836304" y="635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CCE75138-D18F-43A1-8FE8-55288E03BA76}"/>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71E3D104-0F80-492E-A649-28B75F2F2560}"/>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300F56C8-B8D2-4ABC-B067-787BB995E20D}"/>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33E160D2-3DCD-456F-8776-CDCFA41FAD9E}"/>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B22C79F9-09BE-4874-BA34-2845C9C934E7}"/>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B02E0CA0-2BFA-45A0-B6B0-C8A8E9471F78}"/>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DDE79C20-6B53-41D4-B4DC-67A2875A9C93}"/>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A197A1D8-47C9-46CD-AA05-7F5DD653FE99}"/>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3355D4AD-D998-4F04-B0D5-D0A47F5EBAC3}"/>
            </a:ext>
          </a:extLst>
        </xdr:cNvPr>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D94123E9-FEF9-41B4-94FD-F0B5B31DA082}"/>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6A69022D-2772-4596-849B-A0E3CA335B23}"/>
            </a:ext>
          </a:extLst>
        </xdr:cNvPr>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9895C07A-96F8-4790-8B1B-83097A6CC09D}"/>
            </a:ext>
          </a:extLst>
        </xdr:cNvPr>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9F03B018-764C-40E5-876D-220A78F021DE}"/>
            </a:ext>
          </a:extLst>
        </xdr:cNvPr>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37224F76-7C88-4D87-A4C0-324D9D31C3CD}"/>
            </a:ext>
          </a:extLst>
        </xdr:cNvPr>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106433AF-0179-41C8-9805-6A88ADDFA1DC}"/>
            </a:ext>
          </a:extLst>
        </xdr:cNvPr>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DFC40D00-9D04-4CE2-910F-ADF417CE1308}"/>
            </a:ext>
          </a:extLst>
        </xdr:cNvPr>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92F68C30-C412-49EE-AC8E-D68B7938C44C}"/>
            </a:ext>
          </a:extLst>
        </xdr:cNvPr>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0A4AABF6-7710-4A27-970F-A5293EAA33E4}"/>
            </a:ext>
          </a:extLst>
        </xdr:cNvPr>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9A58D595-8F5D-477E-ADB6-5EC80F16C06E}"/>
            </a:ext>
          </a:extLst>
        </xdr:cNvPr>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371D6C05-AE9B-4F73-9FAF-9C0413688F9C}"/>
            </a:ext>
          </a:extLst>
        </xdr:cNvPr>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3B96F856-676C-4298-BD33-94B7E80A6FAE}"/>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BC55B127-2502-4889-AB70-768797F76685}"/>
            </a:ext>
          </a:extLst>
        </xdr:cNvPr>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FA45D6DE-A05C-4104-A6B4-D49CAF648BEB}"/>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0490</xdr:rowOff>
    </xdr:from>
    <xdr:to>
      <xdr:col>54</xdr:col>
      <xdr:colOff>189865</xdr:colOff>
      <xdr:row>42</xdr:row>
      <xdr:rowOff>7620</xdr:rowOff>
    </xdr:to>
    <xdr:cxnSp macro="">
      <xdr:nvCxnSpPr>
        <xdr:cNvPr id="115" name="直線コネクタ 114">
          <a:extLst>
            <a:ext uri="{FF2B5EF4-FFF2-40B4-BE49-F238E27FC236}">
              <a16:creationId xmlns:a16="http://schemas.microsoft.com/office/drawing/2014/main" id="{3C461E1A-37BA-49CC-963E-C0A81222B661}"/>
            </a:ext>
          </a:extLst>
        </xdr:cNvPr>
        <xdr:cNvCxnSpPr/>
      </xdr:nvCxnSpPr>
      <xdr:spPr>
        <a:xfrm flipV="1">
          <a:off x="9219565" y="581025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1447</xdr:rowOff>
    </xdr:from>
    <xdr:ext cx="469744" cy="259045"/>
    <xdr:sp macro="" textlink="">
      <xdr:nvSpPr>
        <xdr:cNvPr id="116" name="【図書館】&#10;一人当たり面積最小値テキスト">
          <a:extLst>
            <a:ext uri="{FF2B5EF4-FFF2-40B4-BE49-F238E27FC236}">
              <a16:creationId xmlns:a16="http://schemas.microsoft.com/office/drawing/2014/main" id="{BB0EC1B8-D06D-4020-A3DC-AD7D82EB900B}"/>
            </a:ext>
          </a:extLst>
        </xdr:cNvPr>
        <xdr:cNvSpPr txBox="1"/>
      </xdr:nvSpPr>
      <xdr:spPr>
        <a:xfrm>
          <a:off x="9258300"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xdr:rowOff>
    </xdr:from>
    <xdr:to>
      <xdr:col>55</xdr:col>
      <xdr:colOff>88900</xdr:colOff>
      <xdr:row>42</xdr:row>
      <xdr:rowOff>7620</xdr:rowOff>
    </xdr:to>
    <xdr:cxnSp macro="">
      <xdr:nvCxnSpPr>
        <xdr:cNvPr id="117" name="直線コネクタ 116">
          <a:extLst>
            <a:ext uri="{FF2B5EF4-FFF2-40B4-BE49-F238E27FC236}">
              <a16:creationId xmlns:a16="http://schemas.microsoft.com/office/drawing/2014/main" id="{97B9E101-C6BF-4EA3-AE53-BF3E7B7EFEC4}"/>
            </a:ext>
          </a:extLst>
        </xdr:cNvPr>
        <xdr:cNvCxnSpPr/>
      </xdr:nvCxnSpPr>
      <xdr:spPr>
        <a:xfrm>
          <a:off x="9154160" y="70485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7167</xdr:rowOff>
    </xdr:from>
    <xdr:ext cx="469744" cy="259045"/>
    <xdr:sp macro="" textlink="">
      <xdr:nvSpPr>
        <xdr:cNvPr id="118" name="【図書館】&#10;一人当たり面積最大値テキスト">
          <a:extLst>
            <a:ext uri="{FF2B5EF4-FFF2-40B4-BE49-F238E27FC236}">
              <a16:creationId xmlns:a16="http://schemas.microsoft.com/office/drawing/2014/main" id="{96F2B942-F2CE-4E70-BC5D-9C6E1130FE0F}"/>
            </a:ext>
          </a:extLst>
        </xdr:cNvPr>
        <xdr:cNvSpPr txBox="1"/>
      </xdr:nvSpPr>
      <xdr:spPr>
        <a:xfrm>
          <a:off x="9258300" y="5589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0490</xdr:rowOff>
    </xdr:from>
    <xdr:to>
      <xdr:col>55</xdr:col>
      <xdr:colOff>88900</xdr:colOff>
      <xdr:row>34</xdr:row>
      <xdr:rowOff>110490</xdr:rowOff>
    </xdr:to>
    <xdr:cxnSp macro="">
      <xdr:nvCxnSpPr>
        <xdr:cNvPr id="119" name="直線コネクタ 118">
          <a:extLst>
            <a:ext uri="{FF2B5EF4-FFF2-40B4-BE49-F238E27FC236}">
              <a16:creationId xmlns:a16="http://schemas.microsoft.com/office/drawing/2014/main" id="{07D3264B-109B-4A8C-8008-19FF94D0AC2A}"/>
            </a:ext>
          </a:extLst>
        </xdr:cNvPr>
        <xdr:cNvCxnSpPr/>
      </xdr:nvCxnSpPr>
      <xdr:spPr>
        <a:xfrm>
          <a:off x="9154160" y="58102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60977</xdr:rowOff>
    </xdr:from>
    <xdr:ext cx="469744" cy="259045"/>
    <xdr:sp macro="" textlink="">
      <xdr:nvSpPr>
        <xdr:cNvPr id="120" name="【図書館】&#10;一人当たり面積平均値テキスト">
          <a:extLst>
            <a:ext uri="{FF2B5EF4-FFF2-40B4-BE49-F238E27FC236}">
              <a16:creationId xmlns:a16="http://schemas.microsoft.com/office/drawing/2014/main" id="{7706D945-A1B7-4465-907F-9C3CEBA97BEB}"/>
            </a:ext>
          </a:extLst>
        </xdr:cNvPr>
        <xdr:cNvSpPr txBox="1"/>
      </xdr:nvSpPr>
      <xdr:spPr>
        <a:xfrm>
          <a:off x="9258300" y="67665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2550</xdr:rowOff>
    </xdr:from>
    <xdr:to>
      <xdr:col>55</xdr:col>
      <xdr:colOff>50800</xdr:colOff>
      <xdr:row>41</xdr:row>
      <xdr:rowOff>12700</xdr:rowOff>
    </xdr:to>
    <xdr:sp macro="" textlink="">
      <xdr:nvSpPr>
        <xdr:cNvPr id="121" name="フローチャート: 判断 120">
          <a:extLst>
            <a:ext uri="{FF2B5EF4-FFF2-40B4-BE49-F238E27FC236}">
              <a16:creationId xmlns:a16="http://schemas.microsoft.com/office/drawing/2014/main" id="{2787E68A-7119-4A7F-A550-F3EE0D33C3A7}"/>
            </a:ext>
          </a:extLst>
        </xdr:cNvPr>
        <xdr:cNvSpPr/>
      </xdr:nvSpPr>
      <xdr:spPr>
        <a:xfrm>
          <a:off x="9192260" y="678815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86360</xdr:rowOff>
    </xdr:from>
    <xdr:to>
      <xdr:col>50</xdr:col>
      <xdr:colOff>165100</xdr:colOff>
      <xdr:row>41</xdr:row>
      <xdr:rowOff>16510</xdr:rowOff>
    </xdr:to>
    <xdr:sp macro="" textlink="">
      <xdr:nvSpPr>
        <xdr:cNvPr id="122" name="フローチャート: 判断 121">
          <a:extLst>
            <a:ext uri="{FF2B5EF4-FFF2-40B4-BE49-F238E27FC236}">
              <a16:creationId xmlns:a16="http://schemas.microsoft.com/office/drawing/2014/main" id="{1D2EC8AB-48C4-4406-8F73-10E51A210F43}"/>
            </a:ext>
          </a:extLst>
        </xdr:cNvPr>
        <xdr:cNvSpPr/>
      </xdr:nvSpPr>
      <xdr:spPr>
        <a:xfrm>
          <a:off x="8445500" y="67919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0170</xdr:rowOff>
    </xdr:from>
    <xdr:to>
      <xdr:col>46</xdr:col>
      <xdr:colOff>38100</xdr:colOff>
      <xdr:row>41</xdr:row>
      <xdr:rowOff>20320</xdr:rowOff>
    </xdr:to>
    <xdr:sp macro="" textlink="">
      <xdr:nvSpPr>
        <xdr:cNvPr id="123" name="フローチャート: 判断 122">
          <a:extLst>
            <a:ext uri="{FF2B5EF4-FFF2-40B4-BE49-F238E27FC236}">
              <a16:creationId xmlns:a16="http://schemas.microsoft.com/office/drawing/2014/main" id="{8109E69B-BC06-4056-A2EA-54DD2B9028C1}"/>
            </a:ext>
          </a:extLst>
        </xdr:cNvPr>
        <xdr:cNvSpPr/>
      </xdr:nvSpPr>
      <xdr:spPr>
        <a:xfrm>
          <a:off x="7670800" y="67957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01600</xdr:rowOff>
    </xdr:from>
    <xdr:to>
      <xdr:col>41</xdr:col>
      <xdr:colOff>101600</xdr:colOff>
      <xdr:row>41</xdr:row>
      <xdr:rowOff>31750</xdr:rowOff>
    </xdr:to>
    <xdr:sp macro="" textlink="">
      <xdr:nvSpPr>
        <xdr:cNvPr id="124" name="フローチャート: 判断 123">
          <a:extLst>
            <a:ext uri="{FF2B5EF4-FFF2-40B4-BE49-F238E27FC236}">
              <a16:creationId xmlns:a16="http://schemas.microsoft.com/office/drawing/2014/main" id="{E8675C41-79D2-4739-9DCC-4C76DFE19A31}"/>
            </a:ext>
          </a:extLst>
        </xdr:cNvPr>
        <xdr:cNvSpPr/>
      </xdr:nvSpPr>
      <xdr:spPr>
        <a:xfrm>
          <a:off x="6873240" y="68072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3030</xdr:rowOff>
    </xdr:from>
    <xdr:to>
      <xdr:col>36</xdr:col>
      <xdr:colOff>165100</xdr:colOff>
      <xdr:row>41</xdr:row>
      <xdr:rowOff>43180</xdr:rowOff>
    </xdr:to>
    <xdr:sp macro="" textlink="">
      <xdr:nvSpPr>
        <xdr:cNvPr id="125" name="フローチャート: 判断 124">
          <a:extLst>
            <a:ext uri="{FF2B5EF4-FFF2-40B4-BE49-F238E27FC236}">
              <a16:creationId xmlns:a16="http://schemas.microsoft.com/office/drawing/2014/main" id="{61833D3D-2EE5-43CF-884B-111E15E38451}"/>
            </a:ext>
          </a:extLst>
        </xdr:cNvPr>
        <xdr:cNvSpPr/>
      </xdr:nvSpPr>
      <xdr:spPr>
        <a:xfrm>
          <a:off x="6098540" y="68186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4A179607-EC5A-46CE-AC4C-B3C3AC2F5B41}"/>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D79E5521-C503-4877-B937-C212C92E205B}"/>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34189D4A-A527-452D-942C-C9ACC3DDA863}"/>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3536124E-7071-4CE6-AA58-80F3BCCACBEF}"/>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1D2111A2-EB47-4DC4-AD6F-D55747C2BDC5}"/>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74930</xdr:rowOff>
    </xdr:from>
    <xdr:to>
      <xdr:col>55</xdr:col>
      <xdr:colOff>50800</xdr:colOff>
      <xdr:row>41</xdr:row>
      <xdr:rowOff>5080</xdr:rowOff>
    </xdr:to>
    <xdr:sp macro="" textlink="">
      <xdr:nvSpPr>
        <xdr:cNvPr id="131" name="楕円 130">
          <a:extLst>
            <a:ext uri="{FF2B5EF4-FFF2-40B4-BE49-F238E27FC236}">
              <a16:creationId xmlns:a16="http://schemas.microsoft.com/office/drawing/2014/main" id="{EE3D32C3-9A61-4643-8140-71CEBF8B0062}"/>
            </a:ext>
          </a:extLst>
        </xdr:cNvPr>
        <xdr:cNvSpPr/>
      </xdr:nvSpPr>
      <xdr:spPr>
        <a:xfrm>
          <a:off x="9192260" y="67805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97807</xdr:rowOff>
    </xdr:from>
    <xdr:ext cx="469744" cy="259045"/>
    <xdr:sp macro="" textlink="">
      <xdr:nvSpPr>
        <xdr:cNvPr id="132" name="【図書館】&#10;一人当たり面積該当値テキスト">
          <a:extLst>
            <a:ext uri="{FF2B5EF4-FFF2-40B4-BE49-F238E27FC236}">
              <a16:creationId xmlns:a16="http://schemas.microsoft.com/office/drawing/2014/main" id="{AFDDCE88-412E-475D-B5EC-DEEBB903664C}"/>
            </a:ext>
          </a:extLst>
        </xdr:cNvPr>
        <xdr:cNvSpPr txBox="1"/>
      </xdr:nvSpPr>
      <xdr:spPr>
        <a:xfrm>
          <a:off x="9258300" y="663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74930</xdr:rowOff>
    </xdr:from>
    <xdr:to>
      <xdr:col>50</xdr:col>
      <xdr:colOff>165100</xdr:colOff>
      <xdr:row>41</xdr:row>
      <xdr:rowOff>5080</xdr:rowOff>
    </xdr:to>
    <xdr:sp macro="" textlink="">
      <xdr:nvSpPr>
        <xdr:cNvPr id="133" name="楕円 132">
          <a:extLst>
            <a:ext uri="{FF2B5EF4-FFF2-40B4-BE49-F238E27FC236}">
              <a16:creationId xmlns:a16="http://schemas.microsoft.com/office/drawing/2014/main" id="{F29CBDF1-45C3-4E0B-A979-5F865097D50D}"/>
            </a:ext>
          </a:extLst>
        </xdr:cNvPr>
        <xdr:cNvSpPr/>
      </xdr:nvSpPr>
      <xdr:spPr>
        <a:xfrm>
          <a:off x="8445500" y="67805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25730</xdr:rowOff>
    </xdr:from>
    <xdr:to>
      <xdr:col>55</xdr:col>
      <xdr:colOff>0</xdr:colOff>
      <xdr:row>40</xdr:row>
      <xdr:rowOff>125730</xdr:rowOff>
    </xdr:to>
    <xdr:cxnSp macro="">
      <xdr:nvCxnSpPr>
        <xdr:cNvPr id="134" name="直線コネクタ 133">
          <a:extLst>
            <a:ext uri="{FF2B5EF4-FFF2-40B4-BE49-F238E27FC236}">
              <a16:creationId xmlns:a16="http://schemas.microsoft.com/office/drawing/2014/main" id="{D0F28865-438B-49B2-A051-383B72B05DBC}"/>
            </a:ext>
          </a:extLst>
        </xdr:cNvPr>
        <xdr:cNvCxnSpPr/>
      </xdr:nvCxnSpPr>
      <xdr:spPr>
        <a:xfrm>
          <a:off x="8496300" y="683133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78740</xdr:rowOff>
    </xdr:from>
    <xdr:to>
      <xdr:col>46</xdr:col>
      <xdr:colOff>38100</xdr:colOff>
      <xdr:row>41</xdr:row>
      <xdr:rowOff>8890</xdr:rowOff>
    </xdr:to>
    <xdr:sp macro="" textlink="">
      <xdr:nvSpPr>
        <xdr:cNvPr id="135" name="楕円 134">
          <a:extLst>
            <a:ext uri="{FF2B5EF4-FFF2-40B4-BE49-F238E27FC236}">
              <a16:creationId xmlns:a16="http://schemas.microsoft.com/office/drawing/2014/main" id="{393107AD-3367-4F6F-BFAA-BB2F7865D6A3}"/>
            </a:ext>
          </a:extLst>
        </xdr:cNvPr>
        <xdr:cNvSpPr/>
      </xdr:nvSpPr>
      <xdr:spPr>
        <a:xfrm>
          <a:off x="7670800" y="67843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25730</xdr:rowOff>
    </xdr:from>
    <xdr:to>
      <xdr:col>50</xdr:col>
      <xdr:colOff>114300</xdr:colOff>
      <xdr:row>40</xdr:row>
      <xdr:rowOff>129540</xdr:rowOff>
    </xdr:to>
    <xdr:cxnSp macro="">
      <xdr:nvCxnSpPr>
        <xdr:cNvPr id="136" name="直線コネクタ 135">
          <a:extLst>
            <a:ext uri="{FF2B5EF4-FFF2-40B4-BE49-F238E27FC236}">
              <a16:creationId xmlns:a16="http://schemas.microsoft.com/office/drawing/2014/main" id="{FD049772-BD71-4077-82F6-A013939D9FC0}"/>
            </a:ext>
          </a:extLst>
        </xdr:cNvPr>
        <xdr:cNvCxnSpPr/>
      </xdr:nvCxnSpPr>
      <xdr:spPr>
        <a:xfrm flipV="1">
          <a:off x="7713980" y="6831330"/>
          <a:ext cx="78232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78740</xdr:rowOff>
    </xdr:from>
    <xdr:to>
      <xdr:col>41</xdr:col>
      <xdr:colOff>101600</xdr:colOff>
      <xdr:row>41</xdr:row>
      <xdr:rowOff>8890</xdr:rowOff>
    </xdr:to>
    <xdr:sp macro="" textlink="">
      <xdr:nvSpPr>
        <xdr:cNvPr id="137" name="楕円 136">
          <a:extLst>
            <a:ext uri="{FF2B5EF4-FFF2-40B4-BE49-F238E27FC236}">
              <a16:creationId xmlns:a16="http://schemas.microsoft.com/office/drawing/2014/main" id="{CC4C6D15-9BA6-4D5C-BCE1-22A3551EFB3B}"/>
            </a:ext>
          </a:extLst>
        </xdr:cNvPr>
        <xdr:cNvSpPr/>
      </xdr:nvSpPr>
      <xdr:spPr>
        <a:xfrm>
          <a:off x="6873240" y="67843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29540</xdr:rowOff>
    </xdr:from>
    <xdr:to>
      <xdr:col>45</xdr:col>
      <xdr:colOff>177800</xdr:colOff>
      <xdr:row>40</xdr:row>
      <xdr:rowOff>129540</xdr:rowOff>
    </xdr:to>
    <xdr:cxnSp macro="">
      <xdr:nvCxnSpPr>
        <xdr:cNvPr id="138" name="直線コネクタ 137">
          <a:extLst>
            <a:ext uri="{FF2B5EF4-FFF2-40B4-BE49-F238E27FC236}">
              <a16:creationId xmlns:a16="http://schemas.microsoft.com/office/drawing/2014/main" id="{1A3BEF8A-CDBD-45A6-A841-CD3BED360ECB}"/>
            </a:ext>
          </a:extLst>
        </xdr:cNvPr>
        <xdr:cNvCxnSpPr/>
      </xdr:nvCxnSpPr>
      <xdr:spPr>
        <a:xfrm>
          <a:off x="6924040" y="683514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82550</xdr:rowOff>
    </xdr:from>
    <xdr:to>
      <xdr:col>36</xdr:col>
      <xdr:colOff>165100</xdr:colOff>
      <xdr:row>41</xdr:row>
      <xdr:rowOff>12700</xdr:rowOff>
    </xdr:to>
    <xdr:sp macro="" textlink="">
      <xdr:nvSpPr>
        <xdr:cNvPr id="139" name="楕円 138">
          <a:extLst>
            <a:ext uri="{FF2B5EF4-FFF2-40B4-BE49-F238E27FC236}">
              <a16:creationId xmlns:a16="http://schemas.microsoft.com/office/drawing/2014/main" id="{92A6A3ED-8C04-42F7-AE22-4ECFBAA6892A}"/>
            </a:ext>
          </a:extLst>
        </xdr:cNvPr>
        <xdr:cNvSpPr/>
      </xdr:nvSpPr>
      <xdr:spPr>
        <a:xfrm>
          <a:off x="6098540" y="67881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29540</xdr:rowOff>
    </xdr:from>
    <xdr:to>
      <xdr:col>41</xdr:col>
      <xdr:colOff>50800</xdr:colOff>
      <xdr:row>40</xdr:row>
      <xdr:rowOff>133350</xdr:rowOff>
    </xdr:to>
    <xdr:cxnSp macro="">
      <xdr:nvCxnSpPr>
        <xdr:cNvPr id="140" name="直線コネクタ 139">
          <a:extLst>
            <a:ext uri="{FF2B5EF4-FFF2-40B4-BE49-F238E27FC236}">
              <a16:creationId xmlns:a16="http://schemas.microsoft.com/office/drawing/2014/main" id="{F94622FF-26D8-4E64-8166-A587FA52BED8}"/>
            </a:ext>
          </a:extLst>
        </xdr:cNvPr>
        <xdr:cNvCxnSpPr/>
      </xdr:nvCxnSpPr>
      <xdr:spPr>
        <a:xfrm flipV="1">
          <a:off x="6149340" y="6835140"/>
          <a:ext cx="7747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7637</xdr:rowOff>
    </xdr:from>
    <xdr:ext cx="469744" cy="259045"/>
    <xdr:sp macro="" textlink="">
      <xdr:nvSpPr>
        <xdr:cNvPr id="141" name="n_1aveValue【図書館】&#10;一人当たり面積">
          <a:extLst>
            <a:ext uri="{FF2B5EF4-FFF2-40B4-BE49-F238E27FC236}">
              <a16:creationId xmlns:a16="http://schemas.microsoft.com/office/drawing/2014/main" id="{33672A12-D0B1-429B-A21C-53A80A1DC6C8}"/>
            </a:ext>
          </a:extLst>
        </xdr:cNvPr>
        <xdr:cNvSpPr txBox="1"/>
      </xdr:nvSpPr>
      <xdr:spPr>
        <a:xfrm>
          <a:off x="8271587" y="6880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1447</xdr:rowOff>
    </xdr:from>
    <xdr:ext cx="469744" cy="259045"/>
    <xdr:sp macro="" textlink="">
      <xdr:nvSpPr>
        <xdr:cNvPr id="142" name="n_2aveValue【図書館】&#10;一人当たり面積">
          <a:extLst>
            <a:ext uri="{FF2B5EF4-FFF2-40B4-BE49-F238E27FC236}">
              <a16:creationId xmlns:a16="http://schemas.microsoft.com/office/drawing/2014/main" id="{9011CEA0-814D-4449-8128-D4A61049CC0C}"/>
            </a:ext>
          </a:extLst>
        </xdr:cNvPr>
        <xdr:cNvSpPr txBox="1"/>
      </xdr:nvSpPr>
      <xdr:spPr>
        <a:xfrm>
          <a:off x="750958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22877</xdr:rowOff>
    </xdr:from>
    <xdr:ext cx="469744" cy="259045"/>
    <xdr:sp macro="" textlink="">
      <xdr:nvSpPr>
        <xdr:cNvPr id="143" name="n_3aveValue【図書館】&#10;一人当たり面積">
          <a:extLst>
            <a:ext uri="{FF2B5EF4-FFF2-40B4-BE49-F238E27FC236}">
              <a16:creationId xmlns:a16="http://schemas.microsoft.com/office/drawing/2014/main" id="{BF41D200-F3EF-4D04-8177-DF84F1999566}"/>
            </a:ext>
          </a:extLst>
        </xdr:cNvPr>
        <xdr:cNvSpPr txBox="1"/>
      </xdr:nvSpPr>
      <xdr:spPr>
        <a:xfrm>
          <a:off x="6712027" y="6896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4307</xdr:rowOff>
    </xdr:from>
    <xdr:ext cx="469744" cy="259045"/>
    <xdr:sp macro="" textlink="">
      <xdr:nvSpPr>
        <xdr:cNvPr id="144" name="n_4aveValue【図書館】&#10;一人当たり面積">
          <a:extLst>
            <a:ext uri="{FF2B5EF4-FFF2-40B4-BE49-F238E27FC236}">
              <a16:creationId xmlns:a16="http://schemas.microsoft.com/office/drawing/2014/main" id="{7D614A56-CD2E-47C5-993C-6EC9E4616330}"/>
            </a:ext>
          </a:extLst>
        </xdr:cNvPr>
        <xdr:cNvSpPr txBox="1"/>
      </xdr:nvSpPr>
      <xdr:spPr>
        <a:xfrm>
          <a:off x="5937327"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21607</xdr:rowOff>
    </xdr:from>
    <xdr:ext cx="469744" cy="259045"/>
    <xdr:sp macro="" textlink="">
      <xdr:nvSpPr>
        <xdr:cNvPr id="145" name="n_1mainValue【図書館】&#10;一人当たり面積">
          <a:extLst>
            <a:ext uri="{FF2B5EF4-FFF2-40B4-BE49-F238E27FC236}">
              <a16:creationId xmlns:a16="http://schemas.microsoft.com/office/drawing/2014/main" id="{F7BE7D3B-B9A5-4AFC-8BE5-E4B55EA5BE12}"/>
            </a:ext>
          </a:extLst>
        </xdr:cNvPr>
        <xdr:cNvSpPr txBox="1"/>
      </xdr:nvSpPr>
      <xdr:spPr>
        <a:xfrm>
          <a:off x="8271587" y="6559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25417</xdr:rowOff>
    </xdr:from>
    <xdr:ext cx="469744" cy="259045"/>
    <xdr:sp macro="" textlink="">
      <xdr:nvSpPr>
        <xdr:cNvPr id="146" name="n_2mainValue【図書館】&#10;一人当たり面積">
          <a:extLst>
            <a:ext uri="{FF2B5EF4-FFF2-40B4-BE49-F238E27FC236}">
              <a16:creationId xmlns:a16="http://schemas.microsoft.com/office/drawing/2014/main" id="{507DFEAB-F15D-4D9D-A649-86506548B04E}"/>
            </a:ext>
          </a:extLst>
        </xdr:cNvPr>
        <xdr:cNvSpPr txBox="1"/>
      </xdr:nvSpPr>
      <xdr:spPr>
        <a:xfrm>
          <a:off x="7509587" y="6563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25417</xdr:rowOff>
    </xdr:from>
    <xdr:ext cx="469744" cy="259045"/>
    <xdr:sp macro="" textlink="">
      <xdr:nvSpPr>
        <xdr:cNvPr id="147" name="n_3mainValue【図書館】&#10;一人当たり面積">
          <a:extLst>
            <a:ext uri="{FF2B5EF4-FFF2-40B4-BE49-F238E27FC236}">
              <a16:creationId xmlns:a16="http://schemas.microsoft.com/office/drawing/2014/main" id="{313425B4-8957-44CB-8E56-ABB0CEBE907E}"/>
            </a:ext>
          </a:extLst>
        </xdr:cNvPr>
        <xdr:cNvSpPr txBox="1"/>
      </xdr:nvSpPr>
      <xdr:spPr>
        <a:xfrm>
          <a:off x="6712027" y="6563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29227</xdr:rowOff>
    </xdr:from>
    <xdr:ext cx="469744" cy="259045"/>
    <xdr:sp macro="" textlink="">
      <xdr:nvSpPr>
        <xdr:cNvPr id="148" name="n_4mainValue【図書館】&#10;一人当たり面積">
          <a:extLst>
            <a:ext uri="{FF2B5EF4-FFF2-40B4-BE49-F238E27FC236}">
              <a16:creationId xmlns:a16="http://schemas.microsoft.com/office/drawing/2014/main" id="{03DB96FC-512F-4046-BD94-D2AA37CD1CF1}"/>
            </a:ext>
          </a:extLst>
        </xdr:cNvPr>
        <xdr:cNvSpPr txBox="1"/>
      </xdr:nvSpPr>
      <xdr:spPr>
        <a:xfrm>
          <a:off x="59373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36182E21-FBDB-4FA4-A7AB-4E62E0DC10A3}"/>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BBA9C204-B3D2-4911-853E-549A14531DF2}"/>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6299E437-8BAD-44B1-AFA7-48F7E120E3B9}"/>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9A941AD9-AA13-4662-B174-8D9C1F49FDDA}"/>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6A282A1B-7109-4F82-B623-0A696E6E5599}"/>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BC81EEFA-CDD3-4644-8B60-1D048F483273}"/>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507ABA1F-52DC-4945-AE1C-94312EB118EE}"/>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4FDBF1AE-4966-4BB6-A7C4-A7874C5069B4}"/>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1E3D0133-6E88-4FDE-9B61-776B5632BFFC}"/>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CEC52482-3F5D-4726-82E4-AE0E323D2450}"/>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C0942FD6-CD06-4DA1-A63E-AD14E82D1758}"/>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a16="http://schemas.microsoft.com/office/drawing/2014/main" id="{DA3ADDC0-57FC-4BBF-897C-226CCBD6554F}"/>
            </a:ext>
          </a:extLst>
        </xdr:cNvPr>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a16="http://schemas.microsoft.com/office/drawing/2014/main" id="{649FA8F5-6A16-4F9C-89B4-21F5B8562666}"/>
            </a:ext>
          </a:extLst>
        </xdr:cNvPr>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a16="http://schemas.microsoft.com/office/drawing/2014/main" id="{74BCCAE0-BE2A-42D9-9540-C9ABAFD3B368}"/>
            </a:ext>
          </a:extLst>
        </xdr:cNvPr>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a16="http://schemas.microsoft.com/office/drawing/2014/main" id="{2E4CD84B-1E3A-47E8-8FE2-16BA2E6BF827}"/>
            </a:ext>
          </a:extLst>
        </xdr:cNvPr>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a16="http://schemas.microsoft.com/office/drawing/2014/main" id="{B46B4B57-6CA2-4FEB-AFF9-54EB34D7C926}"/>
            </a:ext>
          </a:extLst>
        </xdr:cNvPr>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a16="http://schemas.microsoft.com/office/drawing/2014/main" id="{53F84375-9AE4-4C19-B22C-D8651C933615}"/>
            </a:ext>
          </a:extLst>
        </xdr:cNvPr>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a16="http://schemas.microsoft.com/office/drawing/2014/main" id="{A7EA426A-E70C-4E68-9049-647212782DE2}"/>
            </a:ext>
          </a:extLst>
        </xdr:cNvPr>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a16="http://schemas.microsoft.com/office/drawing/2014/main" id="{209238AA-DC3A-46D8-A5EE-E5C0107B9DA7}"/>
            </a:ext>
          </a:extLst>
        </xdr:cNvPr>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a16="http://schemas.microsoft.com/office/drawing/2014/main" id="{22E3749C-0B83-43CC-AB3B-C2F73CE27611}"/>
            </a:ext>
          </a:extLst>
        </xdr:cNvPr>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a16="http://schemas.microsoft.com/office/drawing/2014/main" id="{F976A063-6C4C-480C-BC50-8AC798FB007B}"/>
            </a:ext>
          </a:extLst>
        </xdr:cNvPr>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a16="http://schemas.microsoft.com/office/drawing/2014/main" id="{C788EF2B-A85F-41A3-9396-BC3EFA8650B3}"/>
            </a:ext>
          </a:extLst>
        </xdr:cNvPr>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a16="http://schemas.microsoft.com/office/drawing/2014/main" id="{82F67AB6-8025-4752-8802-60FD6B3058B4}"/>
            </a:ext>
          </a:extLst>
        </xdr:cNvPr>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F4FB98C3-E33A-4306-B646-0F547D50A673}"/>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a16="http://schemas.microsoft.com/office/drawing/2014/main" id="{700B8064-3BEA-40FD-9C72-93807AEB992C}"/>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48590</xdr:rowOff>
    </xdr:from>
    <xdr:to>
      <xdr:col>24</xdr:col>
      <xdr:colOff>62865</xdr:colOff>
      <xdr:row>64</xdr:row>
      <xdr:rowOff>130628</xdr:rowOff>
    </xdr:to>
    <xdr:cxnSp macro="">
      <xdr:nvCxnSpPr>
        <xdr:cNvPr id="174" name="直線コネクタ 173">
          <a:extLst>
            <a:ext uri="{FF2B5EF4-FFF2-40B4-BE49-F238E27FC236}">
              <a16:creationId xmlns:a16="http://schemas.microsoft.com/office/drawing/2014/main" id="{F853AE2E-2415-41BE-951F-AB462EAD9EB7}"/>
            </a:ext>
          </a:extLst>
        </xdr:cNvPr>
        <xdr:cNvCxnSpPr/>
      </xdr:nvCxnSpPr>
      <xdr:spPr>
        <a:xfrm flipV="1">
          <a:off x="4086225" y="9368790"/>
          <a:ext cx="0" cy="1490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a16="http://schemas.microsoft.com/office/drawing/2014/main" id="{B1EDE5BF-2E63-44E9-A70F-FD64406BE854}"/>
            </a:ext>
          </a:extLst>
        </xdr:cNvPr>
        <xdr:cNvSpPr txBox="1"/>
      </xdr:nvSpPr>
      <xdr:spPr>
        <a:xfrm>
          <a:off x="4124960" y="10863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a16="http://schemas.microsoft.com/office/drawing/2014/main" id="{7C64FF55-0A38-4286-959F-2A2A45621254}"/>
            </a:ext>
          </a:extLst>
        </xdr:cNvPr>
        <xdr:cNvCxnSpPr/>
      </xdr:nvCxnSpPr>
      <xdr:spPr>
        <a:xfrm>
          <a:off x="4020820" y="108595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5267</xdr:rowOff>
    </xdr:from>
    <xdr:ext cx="340478" cy="259045"/>
    <xdr:sp macro="" textlink="">
      <xdr:nvSpPr>
        <xdr:cNvPr id="177" name="【体育館・プール】&#10;有形固定資産減価償却率最大値テキスト">
          <a:extLst>
            <a:ext uri="{FF2B5EF4-FFF2-40B4-BE49-F238E27FC236}">
              <a16:creationId xmlns:a16="http://schemas.microsoft.com/office/drawing/2014/main" id="{D293B3C6-48A0-4CBF-ADA7-EFFA0C5E6475}"/>
            </a:ext>
          </a:extLst>
        </xdr:cNvPr>
        <xdr:cNvSpPr txBox="1"/>
      </xdr:nvSpPr>
      <xdr:spPr>
        <a:xfrm>
          <a:off x="4124960" y="91478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48590</xdr:rowOff>
    </xdr:from>
    <xdr:to>
      <xdr:col>24</xdr:col>
      <xdr:colOff>152400</xdr:colOff>
      <xdr:row>55</xdr:row>
      <xdr:rowOff>148590</xdr:rowOff>
    </xdr:to>
    <xdr:cxnSp macro="">
      <xdr:nvCxnSpPr>
        <xdr:cNvPr id="178" name="直線コネクタ 177">
          <a:extLst>
            <a:ext uri="{FF2B5EF4-FFF2-40B4-BE49-F238E27FC236}">
              <a16:creationId xmlns:a16="http://schemas.microsoft.com/office/drawing/2014/main" id="{BD2EE8A1-F939-4FEA-8994-32B1414CD192}"/>
            </a:ext>
          </a:extLst>
        </xdr:cNvPr>
        <xdr:cNvCxnSpPr/>
      </xdr:nvCxnSpPr>
      <xdr:spPr>
        <a:xfrm>
          <a:off x="4020820" y="93687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2087</xdr:rowOff>
    </xdr:from>
    <xdr:ext cx="405111" cy="259045"/>
    <xdr:sp macro="" textlink="">
      <xdr:nvSpPr>
        <xdr:cNvPr id="179" name="【体育館・プール】&#10;有形固定資産減価償却率平均値テキスト">
          <a:extLst>
            <a:ext uri="{FF2B5EF4-FFF2-40B4-BE49-F238E27FC236}">
              <a16:creationId xmlns:a16="http://schemas.microsoft.com/office/drawing/2014/main" id="{F256F203-09A1-4784-901B-D3A3F663C87B}"/>
            </a:ext>
          </a:extLst>
        </xdr:cNvPr>
        <xdr:cNvSpPr txBox="1"/>
      </xdr:nvSpPr>
      <xdr:spPr>
        <a:xfrm>
          <a:off x="4124960" y="101104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29210</xdr:rowOff>
    </xdr:from>
    <xdr:to>
      <xdr:col>24</xdr:col>
      <xdr:colOff>114300</xdr:colOff>
      <xdr:row>61</xdr:row>
      <xdr:rowOff>130810</xdr:rowOff>
    </xdr:to>
    <xdr:sp macro="" textlink="">
      <xdr:nvSpPr>
        <xdr:cNvPr id="180" name="フローチャート: 判断 179">
          <a:extLst>
            <a:ext uri="{FF2B5EF4-FFF2-40B4-BE49-F238E27FC236}">
              <a16:creationId xmlns:a16="http://schemas.microsoft.com/office/drawing/2014/main" id="{7FA245E4-074F-4CB0-AFAF-786D3E4AB818}"/>
            </a:ext>
          </a:extLst>
        </xdr:cNvPr>
        <xdr:cNvSpPr/>
      </xdr:nvSpPr>
      <xdr:spPr>
        <a:xfrm>
          <a:off x="4036060" y="1025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25944</xdr:rowOff>
    </xdr:from>
    <xdr:to>
      <xdr:col>20</xdr:col>
      <xdr:colOff>38100</xdr:colOff>
      <xdr:row>61</xdr:row>
      <xdr:rowOff>127544</xdr:rowOff>
    </xdr:to>
    <xdr:sp macro="" textlink="">
      <xdr:nvSpPr>
        <xdr:cNvPr id="181" name="フローチャート: 判断 180">
          <a:extLst>
            <a:ext uri="{FF2B5EF4-FFF2-40B4-BE49-F238E27FC236}">
              <a16:creationId xmlns:a16="http://schemas.microsoft.com/office/drawing/2014/main" id="{74579A82-548C-4A3E-B0E1-EA70DBEBA126}"/>
            </a:ext>
          </a:extLst>
        </xdr:cNvPr>
        <xdr:cNvSpPr/>
      </xdr:nvSpPr>
      <xdr:spPr>
        <a:xfrm>
          <a:off x="3312160" y="1025198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515</xdr:rowOff>
    </xdr:from>
    <xdr:to>
      <xdr:col>15</xdr:col>
      <xdr:colOff>101600</xdr:colOff>
      <xdr:row>61</xdr:row>
      <xdr:rowOff>116115</xdr:rowOff>
    </xdr:to>
    <xdr:sp macro="" textlink="">
      <xdr:nvSpPr>
        <xdr:cNvPr id="182" name="フローチャート: 判断 181">
          <a:extLst>
            <a:ext uri="{FF2B5EF4-FFF2-40B4-BE49-F238E27FC236}">
              <a16:creationId xmlns:a16="http://schemas.microsoft.com/office/drawing/2014/main" id="{6735A9CF-6FEA-4DD8-8396-4F86071E97D1}"/>
            </a:ext>
          </a:extLst>
        </xdr:cNvPr>
        <xdr:cNvSpPr/>
      </xdr:nvSpPr>
      <xdr:spPr>
        <a:xfrm>
          <a:off x="2514600" y="10240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71269</xdr:rowOff>
    </xdr:from>
    <xdr:to>
      <xdr:col>10</xdr:col>
      <xdr:colOff>165100</xdr:colOff>
      <xdr:row>61</xdr:row>
      <xdr:rowOff>101419</xdr:rowOff>
    </xdr:to>
    <xdr:sp macro="" textlink="">
      <xdr:nvSpPr>
        <xdr:cNvPr id="183" name="フローチャート: 判断 182">
          <a:extLst>
            <a:ext uri="{FF2B5EF4-FFF2-40B4-BE49-F238E27FC236}">
              <a16:creationId xmlns:a16="http://schemas.microsoft.com/office/drawing/2014/main" id="{597747AB-4747-47D6-9443-ED2849ACCCC8}"/>
            </a:ext>
          </a:extLst>
        </xdr:cNvPr>
        <xdr:cNvSpPr/>
      </xdr:nvSpPr>
      <xdr:spPr>
        <a:xfrm>
          <a:off x="1739900" y="1022966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48409</xdr:rowOff>
    </xdr:from>
    <xdr:to>
      <xdr:col>6</xdr:col>
      <xdr:colOff>38100</xdr:colOff>
      <xdr:row>61</xdr:row>
      <xdr:rowOff>78559</xdr:rowOff>
    </xdr:to>
    <xdr:sp macro="" textlink="">
      <xdr:nvSpPr>
        <xdr:cNvPr id="184" name="フローチャート: 判断 183">
          <a:extLst>
            <a:ext uri="{FF2B5EF4-FFF2-40B4-BE49-F238E27FC236}">
              <a16:creationId xmlns:a16="http://schemas.microsoft.com/office/drawing/2014/main" id="{D7226466-369E-4EA4-A686-B06C2A3243E2}"/>
            </a:ext>
          </a:extLst>
        </xdr:cNvPr>
        <xdr:cNvSpPr/>
      </xdr:nvSpPr>
      <xdr:spPr>
        <a:xfrm>
          <a:off x="965200" y="1020680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0798A77C-548B-4B12-8B76-A173492C0BA4}"/>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91BF409C-B2D4-41AA-8072-540C09803DB1}"/>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152E8E07-8C45-4873-BB44-52AA854C0D61}"/>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8F5EF68F-5AD8-4B0F-BDDA-7DA776CAD426}"/>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666C06AA-B9A8-4ED4-9BA7-5C543253D1FC}"/>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58601</xdr:rowOff>
    </xdr:from>
    <xdr:to>
      <xdr:col>24</xdr:col>
      <xdr:colOff>114300</xdr:colOff>
      <xdr:row>62</xdr:row>
      <xdr:rowOff>160201</xdr:rowOff>
    </xdr:to>
    <xdr:sp macro="" textlink="">
      <xdr:nvSpPr>
        <xdr:cNvPr id="190" name="楕円 189">
          <a:extLst>
            <a:ext uri="{FF2B5EF4-FFF2-40B4-BE49-F238E27FC236}">
              <a16:creationId xmlns:a16="http://schemas.microsoft.com/office/drawing/2014/main" id="{8B4DD883-253E-487C-8BB7-CD4756598C23}"/>
            </a:ext>
          </a:extLst>
        </xdr:cNvPr>
        <xdr:cNvSpPr/>
      </xdr:nvSpPr>
      <xdr:spPr>
        <a:xfrm>
          <a:off x="4036060" y="10452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37028</xdr:rowOff>
    </xdr:from>
    <xdr:ext cx="405111" cy="259045"/>
    <xdr:sp macro="" textlink="">
      <xdr:nvSpPr>
        <xdr:cNvPr id="191" name="【体育館・プール】&#10;有形固定資産減価償却率該当値テキスト">
          <a:extLst>
            <a:ext uri="{FF2B5EF4-FFF2-40B4-BE49-F238E27FC236}">
              <a16:creationId xmlns:a16="http://schemas.microsoft.com/office/drawing/2014/main" id="{0F5B2D6D-A94D-4578-AAF3-C73663B4662A}"/>
            </a:ext>
          </a:extLst>
        </xdr:cNvPr>
        <xdr:cNvSpPr txBox="1"/>
      </xdr:nvSpPr>
      <xdr:spPr>
        <a:xfrm>
          <a:off x="4124960" y="104307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24312</xdr:rowOff>
    </xdr:from>
    <xdr:to>
      <xdr:col>20</xdr:col>
      <xdr:colOff>38100</xdr:colOff>
      <xdr:row>62</xdr:row>
      <xdr:rowOff>125912</xdr:rowOff>
    </xdr:to>
    <xdr:sp macro="" textlink="">
      <xdr:nvSpPr>
        <xdr:cNvPr id="192" name="楕円 191">
          <a:extLst>
            <a:ext uri="{FF2B5EF4-FFF2-40B4-BE49-F238E27FC236}">
              <a16:creationId xmlns:a16="http://schemas.microsoft.com/office/drawing/2014/main" id="{37C96FAC-312F-466D-A505-DF21E8F8D8A2}"/>
            </a:ext>
          </a:extLst>
        </xdr:cNvPr>
        <xdr:cNvSpPr/>
      </xdr:nvSpPr>
      <xdr:spPr>
        <a:xfrm>
          <a:off x="3312160" y="1041799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75112</xdr:rowOff>
    </xdr:from>
    <xdr:to>
      <xdr:col>24</xdr:col>
      <xdr:colOff>63500</xdr:colOff>
      <xdr:row>62</xdr:row>
      <xdr:rowOff>109401</xdr:rowOff>
    </xdr:to>
    <xdr:cxnSp macro="">
      <xdr:nvCxnSpPr>
        <xdr:cNvPr id="193" name="直線コネクタ 192">
          <a:extLst>
            <a:ext uri="{FF2B5EF4-FFF2-40B4-BE49-F238E27FC236}">
              <a16:creationId xmlns:a16="http://schemas.microsoft.com/office/drawing/2014/main" id="{9AE9A5C1-0230-4436-B2E5-D62E536D82A4}"/>
            </a:ext>
          </a:extLst>
        </xdr:cNvPr>
        <xdr:cNvCxnSpPr/>
      </xdr:nvCxnSpPr>
      <xdr:spPr>
        <a:xfrm>
          <a:off x="3355340" y="10468792"/>
          <a:ext cx="73152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71269</xdr:rowOff>
    </xdr:from>
    <xdr:to>
      <xdr:col>15</xdr:col>
      <xdr:colOff>101600</xdr:colOff>
      <xdr:row>62</xdr:row>
      <xdr:rowOff>101419</xdr:rowOff>
    </xdr:to>
    <xdr:sp macro="" textlink="">
      <xdr:nvSpPr>
        <xdr:cNvPr id="194" name="楕円 193">
          <a:extLst>
            <a:ext uri="{FF2B5EF4-FFF2-40B4-BE49-F238E27FC236}">
              <a16:creationId xmlns:a16="http://schemas.microsoft.com/office/drawing/2014/main" id="{A1E5A2A2-938A-4637-8B7B-5FE959F6F7EF}"/>
            </a:ext>
          </a:extLst>
        </xdr:cNvPr>
        <xdr:cNvSpPr/>
      </xdr:nvSpPr>
      <xdr:spPr>
        <a:xfrm>
          <a:off x="2514600" y="1039730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50619</xdr:rowOff>
    </xdr:from>
    <xdr:to>
      <xdr:col>19</xdr:col>
      <xdr:colOff>177800</xdr:colOff>
      <xdr:row>62</xdr:row>
      <xdr:rowOff>75112</xdr:rowOff>
    </xdr:to>
    <xdr:cxnSp macro="">
      <xdr:nvCxnSpPr>
        <xdr:cNvPr id="195" name="直線コネクタ 194">
          <a:extLst>
            <a:ext uri="{FF2B5EF4-FFF2-40B4-BE49-F238E27FC236}">
              <a16:creationId xmlns:a16="http://schemas.microsoft.com/office/drawing/2014/main" id="{9771ABD7-6D49-465C-8519-E9E6BEF3B95A}"/>
            </a:ext>
          </a:extLst>
        </xdr:cNvPr>
        <xdr:cNvCxnSpPr/>
      </xdr:nvCxnSpPr>
      <xdr:spPr>
        <a:xfrm>
          <a:off x="2565400" y="10444299"/>
          <a:ext cx="78994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43510</xdr:rowOff>
    </xdr:from>
    <xdr:to>
      <xdr:col>10</xdr:col>
      <xdr:colOff>165100</xdr:colOff>
      <xdr:row>62</xdr:row>
      <xdr:rowOff>73660</xdr:rowOff>
    </xdr:to>
    <xdr:sp macro="" textlink="">
      <xdr:nvSpPr>
        <xdr:cNvPr id="196" name="楕円 195">
          <a:extLst>
            <a:ext uri="{FF2B5EF4-FFF2-40B4-BE49-F238E27FC236}">
              <a16:creationId xmlns:a16="http://schemas.microsoft.com/office/drawing/2014/main" id="{79AAE851-C9B2-4F82-98AF-B3299AA8AE7C}"/>
            </a:ext>
          </a:extLst>
        </xdr:cNvPr>
        <xdr:cNvSpPr/>
      </xdr:nvSpPr>
      <xdr:spPr>
        <a:xfrm>
          <a:off x="1739900" y="103695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22860</xdr:rowOff>
    </xdr:from>
    <xdr:to>
      <xdr:col>15</xdr:col>
      <xdr:colOff>50800</xdr:colOff>
      <xdr:row>62</xdr:row>
      <xdr:rowOff>50619</xdr:rowOff>
    </xdr:to>
    <xdr:cxnSp macro="">
      <xdr:nvCxnSpPr>
        <xdr:cNvPr id="197" name="直線コネクタ 196">
          <a:extLst>
            <a:ext uri="{FF2B5EF4-FFF2-40B4-BE49-F238E27FC236}">
              <a16:creationId xmlns:a16="http://schemas.microsoft.com/office/drawing/2014/main" id="{2E5A2AA8-A70A-477C-A59A-2AA33BA06F7B}"/>
            </a:ext>
          </a:extLst>
        </xdr:cNvPr>
        <xdr:cNvCxnSpPr/>
      </xdr:nvCxnSpPr>
      <xdr:spPr>
        <a:xfrm>
          <a:off x="1790700" y="10416540"/>
          <a:ext cx="7747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104322</xdr:rowOff>
    </xdr:from>
    <xdr:to>
      <xdr:col>6</xdr:col>
      <xdr:colOff>38100</xdr:colOff>
      <xdr:row>62</xdr:row>
      <xdr:rowOff>34472</xdr:rowOff>
    </xdr:to>
    <xdr:sp macro="" textlink="">
      <xdr:nvSpPr>
        <xdr:cNvPr id="198" name="楕円 197">
          <a:extLst>
            <a:ext uri="{FF2B5EF4-FFF2-40B4-BE49-F238E27FC236}">
              <a16:creationId xmlns:a16="http://schemas.microsoft.com/office/drawing/2014/main" id="{B12DE69C-8705-41D1-959F-3AD5BD885EB7}"/>
            </a:ext>
          </a:extLst>
        </xdr:cNvPr>
        <xdr:cNvSpPr/>
      </xdr:nvSpPr>
      <xdr:spPr>
        <a:xfrm>
          <a:off x="965200" y="1033036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55122</xdr:rowOff>
    </xdr:from>
    <xdr:to>
      <xdr:col>10</xdr:col>
      <xdr:colOff>114300</xdr:colOff>
      <xdr:row>62</xdr:row>
      <xdr:rowOff>22860</xdr:rowOff>
    </xdr:to>
    <xdr:cxnSp macro="">
      <xdr:nvCxnSpPr>
        <xdr:cNvPr id="199" name="直線コネクタ 198">
          <a:extLst>
            <a:ext uri="{FF2B5EF4-FFF2-40B4-BE49-F238E27FC236}">
              <a16:creationId xmlns:a16="http://schemas.microsoft.com/office/drawing/2014/main" id="{C6544273-C957-47E0-AE9D-ECFF75A59B1A}"/>
            </a:ext>
          </a:extLst>
        </xdr:cNvPr>
        <xdr:cNvCxnSpPr/>
      </xdr:nvCxnSpPr>
      <xdr:spPr>
        <a:xfrm>
          <a:off x="1008380" y="10381162"/>
          <a:ext cx="782320" cy="35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44071</xdr:rowOff>
    </xdr:from>
    <xdr:ext cx="405111" cy="259045"/>
    <xdr:sp macro="" textlink="">
      <xdr:nvSpPr>
        <xdr:cNvPr id="200" name="n_1aveValue【体育館・プール】&#10;有形固定資産減価償却率">
          <a:extLst>
            <a:ext uri="{FF2B5EF4-FFF2-40B4-BE49-F238E27FC236}">
              <a16:creationId xmlns:a16="http://schemas.microsoft.com/office/drawing/2014/main" id="{8944FA4D-CBD6-4199-A5A6-0299FAD90F3A}"/>
            </a:ext>
          </a:extLst>
        </xdr:cNvPr>
        <xdr:cNvSpPr txBox="1"/>
      </xdr:nvSpPr>
      <xdr:spPr>
        <a:xfrm>
          <a:off x="3170564" y="100348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32642</xdr:rowOff>
    </xdr:from>
    <xdr:ext cx="405111" cy="259045"/>
    <xdr:sp macro="" textlink="">
      <xdr:nvSpPr>
        <xdr:cNvPr id="201" name="n_2aveValue【体育館・プール】&#10;有形固定資産減価償却率">
          <a:extLst>
            <a:ext uri="{FF2B5EF4-FFF2-40B4-BE49-F238E27FC236}">
              <a16:creationId xmlns:a16="http://schemas.microsoft.com/office/drawing/2014/main" id="{2753EFBE-30CB-4548-B421-B34020DA3F97}"/>
            </a:ext>
          </a:extLst>
        </xdr:cNvPr>
        <xdr:cNvSpPr txBox="1"/>
      </xdr:nvSpPr>
      <xdr:spPr>
        <a:xfrm>
          <a:off x="2385704" y="10023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17946</xdr:rowOff>
    </xdr:from>
    <xdr:ext cx="405111" cy="259045"/>
    <xdr:sp macro="" textlink="">
      <xdr:nvSpPr>
        <xdr:cNvPr id="202" name="n_3aveValue【体育館・プール】&#10;有形固定資産減価償却率">
          <a:extLst>
            <a:ext uri="{FF2B5EF4-FFF2-40B4-BE49-F238E27FC236}">
              <a16:creationId xmlns:a16="http://schemas.microsoft.com/office/drawing/2014/main" id="{84B677EA-6851-493A-9F94-266D45361E31}"/>
            </a:ext>
          </a:extLst>
        </xdr:cNvPr>
        <xdr:cNvSpPr txBox="1"/>
      </xdr:nvSpPr>
      <xdr:spPr>
        <a:xfrm>
          <a:off x="1611004" y="10008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95086</xdr:rowOff>
    </xdr:from>
    <xdr:ext cx="405111" cy="259045"/>
    <xdr:sp macro="" textlink="">
      <xdr:nvSpPr>
        <xdr:cNvPr id="203" name="n_4aveValue【体育館・プール】&#10;有形固定資産減価償却率">
          <a:extLst>
            <a:ext uri="{FF2B5EF4-FFF2-40B4-BE49-F238E27FC236}">
              <a16:creationId xmlns:a16="http://schemas.microsoft.com/office/drawing/2014/main" id="{F9D7BD4A-4EC3-4815-B57D-856F9C10BC18}"/>
            </a:ext>
          </a:extLst>
        </xdr:cNvPr>
        <xdr:cNvSpPr txBox="1"/>
      </xdr:nvSpPr>
      <xdr:spPr>
        <a:xfrm>
          <a:off x="836304" y="9985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17039</xdr:rowOff>
    </xdr:from>
    <xdr:ext cx="405111" cy="259045"/>
    <xdr:sp macro="" textlink="">
      <xdr:nvSpPr>
        <xdr:cNvPr id="204" name="n_1mainValue【体育館・プール】&#10;有形固定資産減価償却率">
          <a:extLst>
            <a:ext uri="{FF2B5EF4-FFF2-40B4-BE49-F238E27FC236}">
              <a16:creationId xmlns:a16="http://schemas.microsoft.com/office/drawing/2014/main" id="{1F5DDB7E-CA3E-4DAA-AF54-58CAA50BAE77}"/>
            </a:ext>
          </a:extLst>
        </xdr:cNvPr>
        <xdr:cNvSpPr txBox="1"/>
      </xdr:nvSpPr>
      <xdr:spPr>
        <a:xfrm>
          <a:off x="3170564" y="10510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92546</xdr:rowOff>
    </xdr:from>
    <xdr:ext cx="405111" cy="259045"/>
    <xdr:sp macro="" textlink="">
      <xdr:nvSpPr>
        <xdr:cNvPr id="205" name="n_2mainValue【体育館・プール】&#10;有形固定資産減価償却率">
          <a:extLst>
            <a:ext uri="{FF2B5EF4-FFF2-40B4-BE49-F238E27FC236}">
              <a16:creationId xmlns:a16="http://schemas.microsoft.com/office/drawing/2014/main" id="{893D0F07-EFAB-4367-8ED7-51F917835A3B}"/>
            </a:ext>
          </a:extLst>
        </xdr:cNvPr>
        <xdr:cNvSpPr txBox="1"/>
      </xdr:nvSpPr>
      <xdr:spPr>
        <a:xfrm>
          <a:off x="2385704" y="104862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64787</xdr:rowOff>
    </xdr:from>
    <xdr:ext cx="405111" cy="259045"/>
    <xdr:sp macro="" textlink="">
      <xdr:nvSpPr>
        <xdr:cNvPr id="206" name="n_3mainValue【体育館・プール】&#10;有形固定資産減価償却率">
          <a:extLst>
            <a:ext uri="{FF2B5EF4-FFF2-40B4-BE49-F238E27FC236}">
              <a16:creationId xmlns:a16="http://schemas.microsoft.com/office/drawing/2014/main" id="{2FB8BF6D-AECD-432D-A872-0DE2BABF117D}"/>
            </a:ext>
          </a:extLst>
        </xdr:cNvPr>
        <xdr:cNvSpPr txBox="1"/>
      </xdr:nvSpPr>
      <xdr:spPr>
        <a:xfrm>
          <a:off x="1611004" y="10458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25599</xdr:rowOff>
    </xdr:from>
    <xdr:ext cx="405111" cy="259045"/>
    <xdr:sp macro="" textlink="">
      <xdr:nvSpPr>
        <xdr:cNvPr id="207" name="n_4mainValue【体育館・プール】&#10;有形固定資産減価償却率">
          <a:extLst>
            <a:ext uri="{FF2B5EF4-FFF2-40B4-BE49-F238E27FC236}">
              <a16:creationId xmlns:a16="http://schemas.microsoft.com/office/drawing/2014/main" id="{68D15FF4-D664-47EC-9627-51BE6C4E2C97}"/>
            </a:ext>
          </a:extLst>
        </xdr:cNvPr>
        <xdr:cNvSpPr txBox="1"/>
      </xdr:nvSpPr>
      <xdr:spPr>
        <a:xfrm>
          <a:off x="836304" y="10419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id="{CF6577D2-95FC-4DA8-BF4E-1B0191ABAFC8}"/>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id="{E822DB8F-4B0E-42BA-9784-DB323E522EA9}"/>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id="{7D06B454-4E83-4235-B564-603D167F3F91}"/>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id="{B80E583C-940C-4EE2-9A3E-1BF7D2C60C11}"/>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id="{3BB2C441-8ABB-4B47-8F20-52AC6F96BA16}"/>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id="{71EFCFE4-450F-477E-B2E8-7C97BE7248B1}"/>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id="{D77A7319-977B-4D24-A29F-D3C725DBBF5B}"/>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id="{1FFEA88B-9025-4D39-B4C4-3F9FA1431EED}"/>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id="{92EC7593-E5F6-4BEE-A919-142E2B880915}"/>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id="{CC3B16B8-E797-4CED-9E43-F3721BDB73C8}"/>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id="{A3A93393-769D-49AD-A29F-E09ABBE24973}"/>
            </a:ext>
          </a:extLst>
        </xdr:cNvPr>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a16="http://schemas.microsoft.com/office/drawing/2014/main" id="{A7A563A6-382E-407A-BE96-2621E9F32537}"/>
            </a:ext>
          </a:extLst>
        </xdr:cNvPr>
        <xdr:cNvSpPr txBox="1"/>
      </xdr:nvSpPr>
      <xdr:spPr>
        <a:xfrm>
          <a:off x="54053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id="{C1A4DAEF-9314-47B9-855D-412D22A6C380}"/>
            </a:ext>
          </a:extLst>
        </xdr:cNvPr>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a16="http://schemas.microsoft.com/office/drawing/2014/main" id="{9ADA9DEB-1092-4977-B78F-D22945B7047A}"/>
            </a:ext>
          </a:extLst>
        </xdr:cNvPr>
        <xdr:cNvSpPr txBox="1"/>
      </xdr:nvSpPr>
      <xdr:spPr>
        <a:xfrm>
          <a:off x="540530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id="{AE92FF7F-CF8E-43BC-9C65-BB4CDAEA6964}"/>
            </a:ext>
          </a:extLst>
        </xdr:cNvPr>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a16="http://schemas.microsoft.com/office/drawing/2014/main" id="{0BEF0044-8796-457C-BBB8-5B4E75783EC2}"/>
            </a:ext>
          </a:extLst>
        </xdr:cNvPr>
        <xdr:cNvSpPr txBox="1"/>
      </xdr:nvSpPr>
      <xdr:spPr>
        <a:xfrm>
          <a:off x="540530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id="{D0EB05CD-6BAA-450E-AB52-12E453423C01}"/>
            </a:ext>
          </a:extLst>
        </xdr:cNvPr>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a16="http://schemas.microsoft.com/office/drawing/2014/main" id="{68DB6294-44AC-4162-AA5F-D321EA834895}"/>
            </a:ext>
          </a:extLst>
        </xdr:cNvPr>
        <xdr:cNvSpPr txBox="1"/>
      </xdr:nvSpPr>
      <xdr:spPr>
        <a:xfrm>
          <a:off x="540530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id="{08312B6B-8096-416E-ABBB-5B89221247CD}"/>
            </a:ext>
          </a:extLst>
        </xdr:cNvPr>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a16="http://schemas.microsoft.com/office/drawing/2014/main" id="{09F4F7FF-F8C0-4300-A526-3543A5350C7F}"/>
            </a:ext>
          </a:extLst>
        </xdr:cNvPr>
        <xdr:cNvSpPr txBox="1"/>
      </xdr:nvSpPr>
      <xdr:spPr>
        <a:xfrm>
          <a:off x="54053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8CECD049-91CB-4339-9A78-265D167C78DF}"/>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id="{C935CF1A-E501-46B0-AB5E-A5EC40F3B377}"/>
            </a:ext>
          </a:extLst>
        </xdr:cNvPr>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id="{0B6EE3B9-2150-4EE1-9D95-2BDC1D435359}"/>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04775</xdr:rowOff>
    </xdr:from>
    <xdr:to>
      <xdr:col>54</xdr:col>
      <xdr:colOff>189865</xdr:colOff>
      <xdr:row>64</xdr:row>
      <xdr:rowOff>62865</xdr:rowOff>
    </xdr:to>
    <xdr:cxnSp macro="">
      <xdr:nvCxnSpPr>
        <xdr:cNvPr id="231" name="直線コネクタ 230">
          <a:extLst>
            <a:ext uri="{FF2B5EF4-FFF2-40B4-BE49-F238E27FC236}">
              <a16:creationId xmlns:a16="http://schemas.microsoft.com/office/drawing/2014/main" id="{99E5884F-DE62-49E1-9F2F-6D9907D292F4}"/>
            </a:ext>
          </a:extLst>
        </xdr:cNvPr>
        <xdr:cNvCxnSpPr/>
      </xdr:nvCxnSpPr>
      <xdr:spPr>
        <a:xfrm flipV="1">
          <a:off x="9219565" y="9492615"/>
          <a:ext cx="0" cy="12992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a:extLst>
            <a:ext uri="{FF2B5EF4-FFF2-40B4-BE49-F238E27FC236}">
              <a16:creationId xmlns:a16="http://schemas.microsoft.com/office/drawing/2014/main" id="{08CB2BCF-969C-4258-81D7-4E1431647FA6}"/>
            </a:ext>
          </a:extLst>
        </xdr:cNvPr>
        <xdr:cNvSpPr txBox="1"/>
      </xdr:nvSpPr>
      <xdr:spPr>
        <a:xfrm>
          <a:off x="9258300" y="1079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a:extLst>
            <a:ext uri="{FF2B5EF4-FFF2-40B4-BE49-F238E27FC236}">
              <a16:creationId xmlns:a16="http://schemas.microsoft.com/office/drawing/2014/main" id="{4A25DBCD-DE19-47CA-BD67-73FD77E0B5F2}"/>
            </a:ext>
          </a:extLst>
        </xdr:cNvPr>
        <xdr:cNvCxnSpPr/>
      </xdr:nvCxnSpPr>
      <xdr:spPr>
        <a:xfrm>
          <a:off x="9154160" y="107918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51452</xdr:rowOff>
    </xdr:from>
    <xdr:ext cx="469744" cy="259045"/>
    <xdr:sp macro="" textlink="">
      <xdr:nvSpPr>
        <xdr:cNvPr id="234" name="【体育館・プール】&#10;一人当たり面積最大値テキスト">
          <a:extLst>
            <a:ext uri="{FF2B5EF4-FFF2-40B4-BE49-F238E27FC236}">
              <a16:creationId xmlns:a16="http://schemas.microsoft.com/office/drawing/2014/main" id="{5A7466B0-B78C-4294-9D6E-A1C9AFA78964}"/>
            </a:ext>
          </a:extLst>
        </xdr:cNvPr>
        <xdr:cNvSpPr txBox="1"/>
      </xdr:nvSpPr>
      <xdr:spPr>
        <a:xfrm>
          <a:off x="9258300" y="9271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04775</xdr:rowOff>
    </xdr:from>
    <xdr:to>
      <xdr:col>55</xdr:col>
      <xdr:colOff>88900</xdr:colOff>
      <xdr:row>56</xdr:row>
      <xdr:rowOff>104775</xdr:rowOff>
    </xdr:to>
    <xdr:cxnSp macro="">
      <xdr:nvCxnSpPr>
        <xdr:cNvPr id="235" name="直線コネクタ 234">
          <a:extLst>
            <a:ext uri="{FF2B5EF4-FFF2-40B4-BE49-F238E27FC236}">
              <a16:creationId xmlns:a16="http://schemas.microsoft.com/office/drawing/2014/main" id="{EADE9089-89D2-49E7-B3D1-37FDA5B4853C}"/>
            </a:ext>
          </a:extLst>
        </xdr:cNvPr>
        <xdr:cNvCxnSpPr/>
      </xdr:nvCxnSpPr>
      <xdr:spPr>
        <a:xfrm>
          <a:off x="9154160" y="949261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9067</xdr:rowOff>
    </xdr:from>
    <xdr:ext cx="469744" cy="259045"/>
    <xdr:sp macro="" textlink="">
      <xdr:nvSpPr>
        <xdr:cNvPr id="236" name="【体育館・プール】&#10;一人当たり面積平均値テキスト">
          <a:extLst>
            <a:ext uri="{FF2B5EF4-FFF2-40B4-BE49-F238E27FC236}">
              <a16:creationId xmlns:a16="http://schemas.microsoft.com/office/drawing/2014/main" id="{92BE6927-F490-48A8-9692-EB573E6C55AE}"/>
            </a:ext>
          </a:extLst>
        </xdr:cNvPr>
        <xdr:cNvSpPr txBox="1"/>
      </xdr:nvSpPr>
      <xdr:spPr>
        <a:xfrm>
          <a:off x="9258300" y="104127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0640</xdr:rowOff>
    </xdr:from>
    <xdr:to>
      <xdr:col>55</xdr:col>
      <xdr:colOff>50800</xdr:colOff>
      <xdr:row>62</xdr:row>
      <xdr:rowOff>142240</xdr:rowOff>
    </xdr:to>
    <xdr:sp macro="" textlink="">
      <xdr:nvSpPr>
        <xdr:cNvPr id="237" name="フローチャート: 判断 236">
          <a:extLst>
            <a:ext uri="{FF2B5EF4-FFF2-40B4-BE49-F238E27FC236}">
              <a16:creationId xmlns:a16="http://schemas.microsoft.com/office/drawing/2014/main" id="{C1E635B5-5C72-46BE-8B86-8CDA0ABC9972}"/>
            </a:ext>
          </a:extLst>
        </xdr:cNvPr>
        <xdr:cNvSpPr/>
      </xdr:nvSpPr>
      <xdr:spPr>
        <a:xfrm>
          <a:off x="9192260" y="104343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2070</xdr:rowOff>
    </xdr:from>
    <xdr:to>
      <xdr:col>50</xdr:col>
      <xdr:colOff>165100</xdr:colOff>
      <xdr:row>62</xdr:row>
      <xdr:rowOff>153670</xdr:rowOff>
    </xdr:to>
    <xdr:sp macro="" textlink="">
      <xdr:nvSpPr>
        <xdr:cNvPr id="238" name="フローチャート: 判断 237">
          <a:extLst>
            <a:ext uri="{FF2B5EF4-FFF2-40B4-BE49-F238E27FC236}">
              <a16:creationId xmlns:a16="http://schemas.microsoft.com/office/drawing/2014/main" id="{8505D183-E656-47D6-BA19-3FA2EB5BB683}"/>
            </a:ext>
          </a:extLst>
        </xdr:cNvPr>
        <xdr:cNvSpPr/>
      </xdr:nvSpPr>
      <xdr:spPr>
        <a:xfrm>
          <a:off x="8445500" y="1044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7785</xdr:rowOff>
    </xdr:from>
    <xdr:to>
      <xdr:col>46</xdr:col>
      <xdr:colOff>38100</xdr:colOff>
      <xdr:row>62</xdr:row>
      <xdr:rowOff>159385</xdr:rowOff>
    </xdr:to>
    <xdr:sp macro="" textlink="">
      <xdr:nvSpPr>
        <xdr:cNvPr id="239" name="フローチャート: 判断 238">
          <a:extLst>
            <a:ext uri="{FF2B5EF4-FFF2-40B4-BE49-F238E27FC236}">
              <a16:creationId xmlns:a16="http://schemas.microsoft.com/office/drawing/2014/main" id="{66B065C0-7B23-44C5-B769-9561FB117C18}"/>
            </a:ext>
          </a:extLst>
        </xdr:cNvPr>
        <xdr:cNvSpPr/>
      </xdr:nvSpPr>
      <xdr:spPr>
        <a:xfrm>
          <a:off x="7670800" y="1045146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2070</xdr:rowOff>
    </xdr:from>
    <xdr:to>
      <xdr:col>41</xdr:col>
      <xdr:colOff>101600</xdr:colOff>
      <xdr:row>62</xdr:row>
      <xdr:rowOff>153670</xdr:rowOff>
    </xdr:to>
    <xdr:sp macro="" textlink="">
      <xdr:nvSpPr>
        <xdr:cNvPr id="240" name="フローチャート: 判断 239">
          <a:extLst>
            <a:ext uri="{FF2B5EF4-FFF2-40B4-BE49-F238E27FC236}">
              <a16:creationId xmlns:a16="http://schemas.microsoft.com/office/drawing/2014/main" id="{28436CA8-3579-4FCE-8725-A6C27678E554}"/>
            </a:ext>
          </a:extLst>
        </xdr:cNvPr>
        <xdr:cNvSpPr/>
      </xdr:nvSpPr>
      <xdr:spPr>
        <a:xfrm>
          <a:off x="6873240" y="1044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41" name="フローチャート: 判断 240">
          <a:extLst>
            <a:ext uri="{FF2B5EF4-FFF2-40B4-BE49-F238E27FC236}">
              <a16:creationId xmlns:a16="http://schemas.microsoft.com/office/drawing/2014/main" id="{31577E87-7840-4B89-82C0-513A4A446EAB}"/>
            </a:ext>
          </a:extLst>
        </xdr:cNvPr>
        <xdr:cNvSpPr/>
      </xdr:nvSpPr>
      <xdr:spPr>
        <a:xfrm>
          <a:off x="6098540" y="1043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B2AABD97-5B23-49B3-AEAA-67206C484AAF}"/>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B3FDA70A-E794-4BF7-A6A4-2BBA87F57099}"/>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514EFB39-1FFA-4969-A602-772D0B02E0E8}"/>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4BEED0A1-6AF3-466A-9D03-030CC71FF5CF}"/>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A2A68974-DCC8-4C8E-80AC-514B00D39DAF}"/>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2540</xdr:rowOff>
    </xdr:from>
    <xdr:to>
      <xdr:col>55</xdr:col>
      <xdr:colOff>50800</xdr:colOff>
      <xdr:row>62</xdr:row>
      <xdr:rowOff>104140</xdr:rowOff>
    </xdr:to>
    <xdr:sp macro="" textlink="">
      <xdr:nvSpPr>
        <xdr:cNvPr id="247" name="楕円 246">
          <a:extLst>
            <a:ext uri="{FF2B5EF4-FFF2-40B4-BE49-F238E27FC236}">
              <a16:creationId xmlns:a16="http://schemas.microsoft.com/office/drawing/2014/main" id="{6B43C64E-AC49-429E-9ED1-25ADECD7D128}"/>
            </a:ext>
          </a:extLst>
        </xdr:cNvPr>
        <xdr:cNvSpPr/>
      </xdr:nvSpPr>
      <xdr:spPr>
        <a:xfrm>
          <a:off x="9192260" y="1039622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25417</xdr:rowOff>
    </xdr:from>
    <xdr:ext cx="469744" cy="259045"/>
    <xdr:sp macro="" textlink="">
      <xdr:nvSpPr>
        <xdr:cNvPr id="248" name="【体育館・プール】&#10;一人当たり面積該当値テキスト">
          <a:extLst>
            <a:ext uri="{FF2B5EF4-FFF2-40B4-BE49-F238E27FC236}">
              <a16:creationId xmlns:a16="http://schemas.microsoft.com/office/drawing/2014/main" id="{606E3711-1F3E-4062-B6E4-4CD0141445E4}"/>
            </a:ext>
          </a:extLst>
        </xdr:cNvPr>
        <xdr:cNvSpPr txBox="1"/>
      </xdr:nvSpPr>
      <xdr:spPr>
        <a:xfrm>
          <a:off x="9258300" y="1025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6350</xdr:rowOff>
    </xdr:from>
    <xdr:to>
      <xdr:col>50</xdr:col>
      <xdr:colOff>165100</xdr:colOff>
      <xdr:row>62</xdr:row>
      <xdr:rowOff>107950</xdr:rowOff>
    </xdr:to>
    <xdr:sp macro="" textlink="">
      <xdr:nvSpPr>
        <xdr:cNvPr id="249" name="楕円 248">
          <a:extLst>
            <a:ext uri="{FF2B5EF4-FFF2-40B4-BE49-F238E27FC236}">
              <a16:creationId xmlns:a16="http://schemas.microsoft.com/office/drawing/2014/main" id="{B22631E2-BA66-4CC5-B1BD-D460AF203DC8}"/>
            </a:ext>
          </a:extLst>
        </xdr:cNvPr>
        <xdr:cNvSpPr/>
      </xdr:nvSpPr>
      <xdr:spPr>
        <a:xfrm>
          <a:off x="8445500" y="10400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53340</xdr:rowOff>
    </xdr:from>
    <xdr:to>
      <xdr:col>55</xdr:col>
      <xdr:colOff>0</xdr:colOff>
      <xdr:row>62</xdr:row>
      <xdr:rowOff>57150</xdr:rowOff>
    </xdr:to>
    <xdr:cxnSp macro="">
      <xdr:nvCxnSpPr>
        <xdr:cNvPr id="250" name="直線コネクタ 249">
          <a:extLst>
            <a:ext uri="{FF2B5EF4-FFF2-40B4-BE49-F238E27FC236}">
              <a16:creationId xmlns:a16="http://schemas.microsoft.com/office/drawing/2014/main" id="{C66CE049-13E9-4FF6-914E-756C1CFE400C}"/>
            </a:ext>
          </a:extLst>
        </xdr:cNvPr>
        <xdr:cNvCxnSpPr/>
      </xdr:nvCxnSpPr>
      <xdr:spPr>
        <a:xfrm flipV="1">
          <a:off x="8496300" y="10447020"/>
          <a:ext cx="7239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93980</xdr:rowOff>
    </xdr:from>
    <xdr:to>
      <xdr:col>46</xdr:col>
      <xdr:colOff>38100</xdr:colOff>
      <xdr:row>63</xdr:row>
      <xdr:rowOff>24130</xdr:rowOff>
    </xdr:to>
    <xdr:sp macro="" textlink="">
      <xdr:nvSpPr>
        <xdr:cNvPr id="251" name="楕円 250">
          <a:extLst>
            <a:ext uri="{FF2B5EF4-FFF2-40B4-BE49-F238E27FC236}">
              <a16:creationId xmlns:a16="http://schemas.microsoft.com/office/drawing/2014/main" id="{64D8956D-C04F-4173-8E32-B8CD4E23E819}"/>
            </a:ext>
          </a:extLst>
        </xdr:cNvPr>
        <xdr:cNvSpPr/>
      </xdr:nvSpPr>
      <xdr:spPr>
        <a:xfrm>
          <a:off x="7670800" y="104876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57150</xdr:rowOff>
    </xdr:from>
    <xdr:to>
      <xdr:col>50</xdr:col>
      <xdr:colOff>114300</xdr:colOff>
      <xdr:row>62</xdr:row>
      <xdr:rowOff>144780</xdr:rowOff>
    </xdr:to>
    <xdr:cxnSp macro="">
      <xdr:nvCxnSpPr>
        <xdr:cNvPr id="252" name="直線コネクタ 251">
          <a:extLst>
            <a:ext uri="{FF2B5EF4-FFF2-40B4-BE49-F238E27FC236}">
              <a16:creationId xmlns:a16="http://schemas.microsoft.com/office/drawing/2014/main" id="{62279CA0-F5D1-4270-B4FD-A93AD6985A89}"/>
            </a:ext>
          </a:extLst>
        </xdr:cNvPr>
        <xdr:cNvCxnSpPr/>
      </xdr:nvCxnSpPr>
      <xdr:spPr>
        <a:xfrm flipV="1">
          <a:off x="7713980" y="10450830"/>
          <a:ext cx="78232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97790</xdr:rowOff>
    </xdr:from>
    <xdr:to>
      <xdr:col>41</xdr:col>
      <xdr:colOff>101600</xdr:colOff>
      <xdr:row>63</xdr:row>
      <xdr:rowOff>27940</xdr:rowOff>
    </xdr:to>
    <xdr:sp macro="" textlink="">
      <xdr:nvSpPr>
        <xdr:cNvPr id="253" name="楕円 252">
          <a:extLst>
            <a:ext uri="{FF2B5EF4-FFF2-40B4-BE49-F238E27FC236}">
              <a16:creationId xmlns:a16="http://schemas.microsoft.com/office/drawing/2014/main" id="{F31DC7B2-C29D-4792-B2A2-DA0857430409}"/>
            </a:ext>
          </a:extLst>
        </xdr:cNvPr>
        <xdr:cNvSpPr/>
      </xdr:nvSpPr>
      <xdr:spPr>
        <a:xfrm>
          <a:off x="6873240" y="104914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44780</xdr:rowOff>
    </xdr:from>
    <xdr:to>
      <xdr:col>45</xdr:col>
      <xdr:colOff>177800</xdr:colOff>
      <xdr:row>62</xdr:row>
      <xdr:rowOff>148590</xdr:rowOff>
    </xdr:to>
    <xdr:cxnSp macro="">
      <xdr:nvCxnSpPr>
        <xdr:cNvPr id="254" name="直線コネクタ 253">
          <a:extLst>
            <a:ext uri="{FF2B5EF4-FFF2-40B4-BE49-F238E27FC236}">
              <a16:creationId xmlns:a16="http://schemas.microsoft.com/office/drawing/2014/main" id="{C289EBF3-6EEF-4F54-B2F8-970A7B99C843}"/>
            </a:ext>
          </a:extLst>
        </xdr:cNvPr>
        <xdr:cNvCxnSpPr/>
      </xdr:nvCxnSpPr>
      <xdr:spPr>
        <a:xfrm flipV="1">
          <a:off x="6924040" y="10538460"/>
          <a:ext cx="78994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99695</xdr:rowOff>
    </xdr:from>
    <xdr:to>
      <xdr:col>36</xdr:col>
      <xdr:colOff>165100</xdr:colOff>
      <xdr:row>63</xdr:row>
      <xdr:rowOff>29845</xdr:rowOff>
    </xdr:to>
    <xdr:sp macro="" textlink="">
      <xdr:nvSpPr>
        <xdr:cNvPr id="255" name="楕円 254">
          <a:extLst>
            <a:ext uri="{FF2B5EF4-FFF2-40B4-BE49-F238E27FC236}">
              <a16:creationId xmlns:a16="http://schemas.microsoft.com/office/drawing/2014/main" id="{DEDB6941-A9A1-4EF1-A4D5-0F7EF75DD5B2}"/>
            </a:ext>
          </a:extLst>
        </xdr:cNvPr>
        <xdr:cNvSpPr/>
      </xdr:nvSpPr>
      <xdr:spPr>
        <a:xfrm>
          <a:off x="6098540" y="104933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48590</xdr:rowOff>
    </xdr:from>
    <xdr:to>
      <xdr:col>41</xdr:col>
      <xdr:colOff>50800</xdr:colOff>
      <xdr:row>62</xdr:row>
      <xdr:rowOff>150495</xdr:rowOff>
    </xdr:to>
    <xdr:cxnSp macro="">
      <xdr:nvCxnSpPr>
        <xdr:cNvPr id="256" name="直線コネクタ 255">
          <a:extLst>
            <a:ext uri="{FF2B5EF4-FFF2-40B4-BE49-F238E27FC236}">
              <a16:creationId xmlns:a16="http://schemas.microsoft.com/office/drawing/2014/main" id="{7610DCD9-610E-440D-B187-DE339C071B72}"/>
            </a:ext>
          </a:extLst>
        </xdr:cNvPr>
        <xdr:cNvCxnSpPr/>
      </xdr:nvCxnSpPr>
      <xdr:spPr>
        <a:xfrm flipV="1">
          <a:off x="6149340" y="10542270"/>
          <a:ext cx="7747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44797</xdr:rowOff>
    </xdr:from>
    <xdr:ext cx="469744" cy="259045"/>
    <xdr:sp macro="" textlink="">
      <xdr:nvSpPr>
        <xdr:cNvPr id="257" name="n_1aveValue【体育館・プール】&#10;一人当たり面積">
          <a:extLst>
            <a:ext uri="{FF2B5EF4-FFF2-40B4-BE49-F238E27FC236}">
              <a16:creationId xmlns:a16="http://schemas.microsoft.com/office/drawing/2014/main" id="{E5FC789B-2426-4182-B9D6-9476D15B9879}"/>
            </a:ext>
          </a:extLst>
        </xdr:cNvPr>
        <xdr:cNvSpPr txBox="1"/>
      </xdr:nvSpPr>
      <xdr:spPr>
        <a:xfrm>
          <a:off x="8271587" y="1053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4462</xdr:rowOff>
    </xdr:from>
    <xdr:ext cx="469744" cy="259045"/>
    <xdr:sp macro="" textlink="">
      <xdr:nvSpPr>
        <xdr:cNvPr id="258" name="n_2aveValue【体育館・プール】&#10;一人当たり面積">
          <a:extLst>
            <a:ext uri="{FF2B5EF4-FFF2-40B4-BE49-F238E27FC236}">
              <a16:creationId xmlns:a16="http://schemas.microsoft.com/office/drawing/2014/main" id="{3A33EC09-8FBF-4152-A1C5-B9E2E3EC8B30}"/>
            </a:ext>
          </a:extLst>
        </xdr:cNvPr>
        <xdr:cNvSpPr txBox="1"/>
      </xdr:nvSpPr>
      <xdr:spPr>
        <a:xfrm>
          <a:off x="7509587" y="1023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70197</xdr:rowOff>
    </xdr:from>
    <xdr:ext cx="469744" cy="259045"/>
    <xdr:sp macro="" textlink="">
      <xdr:nvSpPr>
        <xdr:cNvPr id="259" name="n_3aveValue【体育館・プール】&#10;一人当たり面積">
          <a:extLst>
            <a:ext uri="{FF2B5EF4-FFF2-40B4-BE49-F238E27FC236}">
              <a16:creationId xmlns:a16="http://schemas.microsoft.com/office/drawing/2014/main" id="{0843D100-2822-4F6D-A3EF-271934D88FF2}"/>
            </a:ext>
          </a:extLst>
        </xdr:cNvPr>
        <xdr:cNvSpPr txBox="1"/>
      </xdr:nvSpPr>
      <xdr:spPr>
        <a:xfrm>
          <a:off x="6712027" y="10228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2577</xdr:rowOff>
    </xdr:from>
    <xdr:ext cx="469744" cy="259045"/>
    <xdr:sp macro="" textlink="">
      <xdr:nvSpPr>
        <xdr:cNvPr id="260" name="n_4aveValue【体育館・プール】&#10;一人当たり面積">
          <a:extLst>
            <a:ext uri="{FF2B5EF4-FFF2-40B4-BE49-F238E27FC236}">
              <a16:creationId xmlns:a16="http://schemas.microsoft.com/office/drawing/2014/main" id="{7C4D0484-838E-42D4-9CDC-5A3258785ADF}"/>
            </a:ext>
          </a:extLst>
        </xdr:cNvPr>
        <xdr:cNvSpPr txBox="1"/>
      </xdr:nvSpPr>
      <xdr:spPr>
        <a:xfrm>
          <a:off x="593732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124477</xdr:rowOff>
    </xdr:from>
    <xdr:ext cx="469744" cy="259045"/>
    <xdr:sp macro="" textlink="">
      <xdr:nvSpPr>
        <xdr:cNvPr id="261" name="n_1mainValue【体育館・プール】&#10;一人当たり面積">
          <a:extLst>
            <a:ext uri="{FF2B5EF4-FFF2-40B4-BE49-F238E27FC236}">
              <a16:creationId xmlns:a16="http://schemas.microsoft.com/office/drawing/2014/main" id="{316983A7-3DA4-4159-9958-674A9B26295F}"/>
            </a:ext>
          </a:extLst>
        </xdr:cNvPr>
        <xdr:cNvSpPr txBox="1"/>
      </xdr:nvSpPr>
      <xdr:spPr>
        <a:xfrm>
          <a:off x="8271587" y="10182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5257</xdr:rowOff>
    </xdr:from>
    <xdr:ext cx="469744" cy="259045"/>
    <xdr:sp macro="" textlink="">
      <xdr:nvSpPr>
        <xdr:cNvPr id="262" name="n_2mainValue【体育館・プール】&#10;一人当たり面積">
          <a:extLst>
            <a:ext uri="{FF2B5EF4-FFF2-40B4-BE49-F238E27FC236}">
              <a16:creationId xmlns:a16="http://schemas.microsoft.com/office/drawing/2014/main" id="{30951AE5-FB1A-4E1D-A199-C2801184E536}"/>
            </a:ext>
          </a:extLst>
        </xdr:cNvPr>
        <xdr:cNvSpPr txBox="1"/>
      </xdr:nvSpPr>
      <xdr:spPr>
        <a:xfrm>
          <a:off x="7509587" y="1057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19067</xdr:rowOff>
    </xdr:from>
    <xdr:ext cx="469744" cy="259045"/>
    <xdr:sp macro="" textlink="">
      <xdr:nvSpPr>
        <xdr:cNvPr id="263" name="n_3mainValue【体育館・プール】&#10;一人当たり面積">
          <a:extLst>
            <a:ext uri="{FF2B5EF4-FFF2-40B4-BE49-F238E27FC236}">
              <a16:creationId xmlns:a16="http://schemas.microsoft.com/office/drawing/2014/main" id="{C8C4364B-7ED0-4C86-B445-CC9AE39428C2}"/>
            </a:ext>
          </a:extLst>
        </xdr:cNvPr>
        <xdr:cNvSpPr txBox="1"/>
      </xdr:nvSpPr>
      <xdr:spPr>
        <a:xfrm>
          <a:off x="6712027" y="10580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20972</xdr:rowOff>
    </xdr:from>
    <xdr:ext cx="469744" cy="259045"/>
    <xdr:sp macro="" textlink="">
      <xdr:nvSpPr>
        <xdr:cNvPr id="264" name="n_4mainValue【体育館・プール】&#10;一人当たり面積">
          <a:extLst>
            <a:ext uri="{FF2B5EF4-FFF2-40B4-BE49-F238E27FC236}">
              <a16:creationId xmlns:a16="http://schemas.microsoft.com/office/drawing/2014/main" id="{11950CB6-BB13-491D-A107-99AA2702C65E}"/>
            </a:ext>
          </a:extLst>
        </xdr:cNvPr>
        <xdr:cNvSpPr txBox="1"/>
      </xdr:nvSpPr>
      <xdr:spPr>
        <a:xfrm>
          <a:off x="5937327" y="10582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9872294D-B909-44F8-8170-D600584A83A2}"/>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06EED12D-7618-47FB-AF59-BA590F7D1646}"/>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21859B44-DC5D-44CF-BB0A-16A83695EB9F}"/>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AA3C7ADB-69EC-4149-8460-F27D3E4B0983}"/>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9B858988-09F3-46C0-AEAB-EB797FC0807D}"/>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8D65FE3F-8789-4DD7-A4EC-87AAD6132756}"/>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AC4FB94A-C9CA-4FB3-94D4-8DF941D1BB93}"/>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C87744B2-A7FD-4372-B787-0F024744079F}"/>
            </a:ext>
          </a:extLst>
        </xdr:cNvPr>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a:extLst>
            <a:ext uri="{FF2B5EF4-FFF2-40B4-BE49-F238E27FC236}">
              <a16:creationId xmlns:a16="http://schemas.microsoft.com/office/drawing/2014/main" id="{AF0559F3-C6C1-41E1-ADCB-F66AC726459D}"/>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a:extLst>
            <a:ext uri="{FF2B5EF4-FFF2-40B4-BE49-F238E27FC236}">
              <a16:creationId xmlns:a16="http://schemas.microsoft.com/office/drawing/2014/main" id="{A5AA5883-4C64-4FB7-8472-9E6CDED27202}"/>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a:extLst>
            <a:ext uri="{FF2B5EF4-FFF2-40B4-BE49-F238E27FC236}">
              <a16:creationId xmlns:a16="http://schemas.microsoft.com/office/drawing/2014/main" id="{2A7FCF91-D3AF-4BFC-9158-96AA7CC2A5CB}"/>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a:extLst>
            <a:ext uri="{FF2B5EF4-FFF2-40B4-BE49-F238E27FC236}">
              <a16:creationId xmlns:a16="http://schemas.microsoft.com/office/drawing/2014/main" id="{10E7FF29-015C-452C-A9A3-F61728E203DC}"/>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a:extLst>
            <a:ext uri="{FF2B5EF4-FFF2-40B4-BE49-F238E27FC236}">
              <a16:creationId xmlns:a16="http://schemas.microsoft.com/office/drawing/2014/main" id="{4E2A700F-9A4D-4D59-A2BE-A0E785B43EF8}"/>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a:extLst>
            <a:ext uri="{FF2B5EF4-FFF2-40B4-BE49-F238E27FC236}">
              <a16:creationId xmlns:a16="http://schemas.microsoft.com/office/drawing/2014/main" id="{5CF8BC95-BB41-4056-BE84-2878C10636E6}"/>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a:extLst>
            <a:ext uri="{FF2B5EF4-FFF2-40B4-BE49-F238E27FC236}">
              <a16:creationId xmlns:a16="http://schemas.microsoft.com/office/drawing/2014/main" id="{8DD18FB9-E337-461F-BDD4-C6662D28954A}"/>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a:extLst>
            <a:ext uri="{FF2B5EF4-FFF2-40B4-BE49-F238E27FC236}">
              <a16:creationId xmlns:a16="http://schemas.microsoft.com/office/drawing/2014/main" id="{1B67A25A-DA6A-4DF9-924A-64073777C75B}"/>
            </a:ext>
          </a:extLst>
        </xdr:cNvPr>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a:extLst>
            <a:ext uri="{FF2B5EF4-FFF2-40B4-BE49-F238E27FC236}">
              <a16:creationId xmlns:a16="http://schemas.microsoft.com/office/drawing/2014/main" id="{7420779A-FB2A-4A8A-A47F-CBCB604CF1B5}"/>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a:extLst>
            <a:ext uri="{FF2B5EF4-FFF2-40B4-BE49-F238E27FC236}">
              <a16:creationId xmlns:a16="http://schemas.microsoft.com/office/drawing/2014/main" id="{C2D15324-8F0E-4FA7-99A7-6CE2FE09AC9F}"/>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a:extLst>
            <a:ext uri="{FF2B5EF4-FFF2-40B4-BE49-F238E27FC236}">
              <a16:creationId xmlns:a16="http://schemas.microsoft.com/office/drawing/2014/main" id="{7E9E9C48-A553-4A88-A35F-0AAB8D282596}"/>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a:extLst>
            <a:ext uri="{FF2B5EF4-FFF2-40B4-BE49-F238E27FC236}">
              <a16:creationId xmlns:a16="http://schemas.microsoft.com/office/drawing/2014/main" id="{479C4284-84C1-4208-A7A8-2500B4EA8162}"/>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a:extLst>
            <a:ext uri="{FF2B5EF4-FFF2-40B4-BE49-F238E27FC236}">
              <a16:creationId xmlns:a16="http://schemas.microsoft.com/office/drawing/2014/main" id="{BBCA79DB-FF93-42C6-B59D-6304B7AAEE08}"/>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a:extLst>
            <a:ext uri="{FF2B5EF4-FFF2-40B4-BE49-F238E27FC236}">
              <a16:creationId xmlns:a16="http://schemas.microsoft.com/office/drawing/2014/main" id="{D0286052-FA31-482A-AD5D-583439509BBC}"/>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a:extLst>
            <a:ext uri="{FF2B5EF4-FFF2-40B4-BE49-F238E27FC236}">
              <a16:creationId xmlns:a16="http://schemas.microsoft.com/office/drawing/2014/main" id="{E831FB1C-276A-4BB9-81FF-B1D16346F3B1}"/>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a:extLst>
            <a:ext uri="{FF2B5EF4-FFF2-40B4-BE49-F238E27FC236}">
              <a16:creationId xmlns:a16="http://schemas.microsoft.com/office/drawing/2014/main" id="{89A75491-21F7-4E6E-8727-98BD04B84C4D}"/>
            </a:ext>
          </a:extLst>
        </xdr:cNvPr>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9" name="テキスト ボックス 288">
          <a:extLst>
            <a:ext uri="{FF2B5EF4-FFF2-40B4-BE49-F238E27FC236}">
              <a16:creationId xmlns:a16="http://schemas.microsoft.com/office/drawing/2014/main" id="{BCEF48B2-6B50-4875-9056-AED6FE53A9CC}"/>
            </a:ext>
          </a:extLst>
        </xdr:cNvPr>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90" name="直線コネクタ 289">
          <a:extLst>
            <a:ext uri="{FF2B5EF4-FFF2-40B4-BE49-F238E27FC236}">
              <a16:creationId xmlns:a16="http://schemas.microsoft.com/office/drawing/2014/main" id="{C6AED0A8-728E-484B-B0A2-2F9D658061BE}"/>
            </a:ext>
          </a:extLst>
        </xdr:cNvPr>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1" name="テキスト ボックス 290">
          <a:extLst>
            <a:ext uri="{FF2B5EF4-FFF2-40B4-BE49-F238E27FC236}">
              <a16:creationId xmlns:a16="http://schemas.microsoft.com/office/drawing/2014/main" id="{B1F62992-783D-4DB0-B1E3-6CE31D0C2849}"/>
            </a:ext>
          </a:extLst>
        </xdr:cNvPr>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292" name="直線コネクタ 291">
          <a:extLst>
            <a:ext uri="{FF2B5EF4-FFF2-40B4-BE49-F238E27FC236}">
              <a16:creationId xmlns:a16="http://schemas.microsoft.com/office/drawing/2014/main" id="{0CB0665D-202F-45A5-B2E5-DD818288FB17}"/>
            </a:ext>
          </a:extLst>
        </xdr:cNvPr>
        <xdr:cNvCxnSpPr/>
      </xdr:nvCxnSpPr>
      <xdr:spPr>
        <a:xfrm>
          <a:off x="67056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293" name="テキスト ボックス 292">
          <a:extLst>
            <a:ext uri="{FF2B5EF4-FFF2-40B4-BE49-F238E27FC236}">
              <a16:creationId xmlns:a16="http://schemas.microsoft.com/office/drawing/2014/main" id="{EA4DA41D-B868-428F-911B-4941C23D14D4}"/>
            </a:ext>
          </a:extLst>
        </xdr:cNvPr>
        <xdr:cNvSpPr txBox="1"/>
      </xdr:nvSpPr>
      <xdr:spPr>
        <a:xfrm>
          <a:off x="27196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94" name="直線コネクタ 293">
          <a:extLst>
            <a:ext uri="{FF2B5EF4-FFF2-40B4-BE49-F238E27FC236}">
              <a16:creationId xmlns:a16="http://schemas.microsoft.com/office/drawing/2014/main" id="{CC998DF5-D991-4EED-8078-400903B7FAFA}"/>
            </a:ext>
          </a:extLst>
        </xdr:cNvPr>
        <xdr:cNvCxnSpPr/>
      </xdr:nvCxnSpPr>
      <xdr:spPr>
        <a:xfrm>
          <a:off x="67056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95" name="テキスト ボックス 294">
          <a:extLst>
            <a:ext uri="{FF2B5EF4-FFF2-40B4-BE49-F238E27FC236}">
              <a16:creationId xmlns:a16="http://schemas.microsoft.com/office/drawing/2014/main" id="{73E40749-2D4B-4C4C-8026-B4F7DFE16FC4}"/>
            </a:ext>
          </a:extLst>
        </xdr:cNvPr>
        <xdr:cNvSpPr txBox="1"/>
      </xdr:nvSpPr>
      <xdr:spPr>
        <a:xfrm>
          <a:off x="33608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96" name="直線コネクタ 295">
          <a:extLst>
            <a:ext uri="{FF2B5EF4-FFF2-40B4-BE49-F238E27FC236}">
              <a16:creationId xmlns:a16="http://schemas.microsoft.com/office/drawing/2014/main" id="{0755C9DF-0347-46A0-BB6B-668CFC29750A}"/>
            </a:ext>
          </a:extLst>
        </xdr:cNvPr>
        <xdr:cNvCxnSpPr/>
      </xdr:nvCxnSpPr>
      <xdr:spPr>
        <a:xfrm>
          <a:off x="67056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97" name="テキスト ボックス 296">
          <a:extLst>
            <a:ext uri="{FF2B5EF4-FFF2-40B4-BE49-F238E27FC236}">
              <a16:creationId xmlns:a16="http://schemas.microsoft.com/office/drawing/2014/main" id="{ADE6FB39-53AF-4F99-9186-F7F987F36EC5}"/>
            </a:ext>
          </a:extLst>
        </xdr:cNvPr>
        <xdr:cNvSpPr txBox="1"/>
      </xdr:nvSpPr>
      <xdr:spPr>
        <a:xfrm>
          <a:off x="33608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98" name="直線コネクタ 297">
          <a:extLst>
            <a:ext uri="{FF2B5EF4-FFF2-40B4-BE49-F238E27FC236}">
              <a16:creationId xmlns:a16="http://schemas.microsoft.com/office/drawing/2014/main" id="{41F31B3F-ABCE-470D-8316-11B6D0153E4B}"/>
            </a:ext>
          </a:extLst>
        </xdr:cNvPr>
        <xdr:cNvCxnSpPr/>
      </xdr:nvCxnSpPr>
      <xdr:spPr>
        <a:xfrm>
          <a:off x="67056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99" name="テキスト ボックス 298">
          <a:extLst>
            <a:ext uri="{FF2B5EF4-FFF2-40B4-BE49-F238E27FC236}">
              <a16:creationId xmlns:a16="http://schemas.microsoft.com/office/drawing/2014/main" id="{DB9034B5-F6A4-445B-9B8C-05C06F6E69B7}"/>
            </a:ext>
          </a:extLst>
        </xdr:cNvPr>
        <xdr:cNvSpPr txBox="1"/>
      </xdr:nvSpPr>
      <xdr:spPr>
        <a:xfrm>
          <a:off x="33608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00" name="直線コネクタ 299">
          <a:extLst>
            <a:ext uri="{FF2B5EF4-FFF2-40B4-BE49-F238E27FC236}">
              <a16:creationId xmlns:a16="http://schemas.microsoft.com/office/drawing/2014/main" id="{2FD3F210-1554-4EBB-8CDB-8C1F5B3063F8}"/>
            </a:ext>
          </a:extLst>
        </xdr:cNvPr>
        <xdr:cNvCxnSpPr/>
      </xdr:nvCxnSpPr>
      <xdr:spPr>
        <a:xfrm>
          <a:off x="67056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01" name="テキスト ボックス 300">
          <a:extLst>
            <a:ext uri="{FF2B5EF4-FFF2-40B4-BE49-F238E27FC236}">
              <a16:creationId xmlns:a16="http://schemas.microsoft.com/office/drawing/2014/main" id="{303DF207-CEA4-4729-815D-F0068B6A0B9F}"/>
            </a:ext>
          </a:extLst>
        </xdr:cNvPr>
        <xdr:cNvSpPr txBox="1"/>
      </xdr:nvSpPr>
      <xdr:spPr>
        <a:xfrm>
          <a:off x="33608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02" name="直線コネクタ 301">
          <a:extLst>
            <a:ext uri="{FF2B5EF4-FFF2-40B4-BE49-F238E27FC236}">
              <a16:creationId xmlns:a16="http://schemas.microsoft.com/office/drawing/2014/main" id="{F5A78D6F-1062-4F87-AD7F-043F2A1078AB}"/>
            </a:ext>
          </a:extLst>
        </xdr:cNvPr>
        <xdr:cNvCxnSpPr/>
      </xdr:nvCxnSpPr>
      <xdr:spPr>
        <a:xfrm>
          <a:off x="67056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03" name="テキスト ボックス 302">
          <a:extLst>
            <a:ext uri="{FF2B5EF4-FFF2-40B4-BE49-F238E27FC236}">
              <a16:creationId xmlns:a16="http://schemas.microsoft.com/office/drawing/2014/main" id="{75B41757-0B17-4040-8F56-A6C55833F132}"/>
            </a:ext>
          </a:extLst>
        </xdr:cNvPr>
        <xdr:cNvSpPr txBox="1"/>
      </xdr:nvSpPr>
      <xdr:spPr>
        <a:xfrm>
          <a:off x="37734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4" name="直線コネクタ 303">
          <a:extLst>
            <a:ext uri="{FF2B5EF4-FFF2-40B4-BE49-F238E27FC236}">
              <a16:creationId xmlns:a16="http://schemas.microsoft.com/office/drawing/2014/main" id="{296DD469-02F8-4D14-9055-7E635EF073CD}"/>
            </a:ext>
          </a:extLst>
        </xdr:cNvPr>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5" name="【市民会館】&#10;有形固定資産減価償却率グラフ枠">
          <a:extLst>
            <a:ext uri="{FF2B5EF4-FFF2-40B4-BE49-F238E27FC236}">
              <a16:creationId xmlns:a16="http://schemas.microsoft.com/office/drawing/2014/main" id="{0936C11A-90BF-40BE-9FA5-72BC695C6E6C}"/>
            </a:ext>
          </a:extLst>
        </xdr:cNvPr>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66402</xdr:rowOff>
    </xdr:from>
    <xdr:to>
      <xdr:col>24</xdr:col>
      <xdr:colOff>62865</xdr:colOff>
      <xdr:row>109</xdr:row>
      <xdr:rowOff>35379</xdr:rowOff>
    </xdr:to>
    <xdr:cxnSp macro="">
      <xdr:nvCxnSpPr>
        <xdr:cNvPr id="306" name="直線コネクタ 305">
          <a:extLst>
            <a:ext uri="{FF2B5EF4-FFF2-40B4-BE49-F238E27FC236}">
              <a16:creationId xmlns:a16="http://schemas.microsoft.com/office/drawing/2014/main" id="{5EF9218D-5B2B-4B9C-8B3E-BEE195B1F137}"/>
            </a:ext>
          </a:extLst>
        </xdr:cNvPr>
        <xdr:cNvCxnSpPr/>
      </xdr:nvCxnSpPr>
      <xdr:spPr>
        <a:xfrm flipV="1">
          <a:off x="4086225" y="16830402"/>
          <a:ext cx="0" cy="14777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07" name="【市民会館】&#10;有形固定資産減価償却率最小値テキスト">
          <a:extLst>
            <a:ext uri="{FF2B5EF4-FFF2-40B4-BE49-F238E27FC236}">
              <a16:creationId xmlns:a16="http://schemas.microsoft.com/office/drawing/2014/main" id="{215DF90C-0018-4178-9245-0A2CF8CB03AF}"/>
            </a:ext>
          </a:extLst>
        </xdr:cNvPr>
        <xdr:cNvSpPr txBox="1"/>
      </xdr:nvSpPr>
      <xdr:spPr>
        <a:xfrm>
          <a:off x="4124960" y="183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08" name="直線コネクタ 307">
          <a:extLst>
            <a:ext uri="{FF2B5EF4-FFF2-40B4-BE49-F238E27FC236}">
              <a16:creationId xmlns:a16="http://schemas.microsoft.com/office/drawing/2014/main" id="{860575D0-A8D7-4878-898C-A80AEF531671}"/>
            </a:ext>
          </a:extLst>
        </xdr:cNvPr>
        <xdr:cNvCxnSpPr/>
      </xdr:nvCxnSpPr>
      <xdr:spPr>
        <a:xfrm>
          <a:off x="4020820" y="183081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3079</xdr:rowOff>
    </xdr:from>
    <xdr:ext cx="340478" cy="259045"/>
    <xdr:sp macro="" textlink="">
      <xdr:nvSpPr>
        <xdr:cNvPr id="309" name="【市民会館】&#10;有形固定資産減価償却率最大値テキスト">
          <a:extLst>
            <a:ext uri="{FF2B5EF4-FFF2-40B4-BE49-F238E27FC236}">
              <a16:creationId xmlns:a16="http://schemas.microsoft.com/office/drawing/2014/main" id="{11C41F25-7FB1-4D10-977C-DE308345AEBD}"/>
            </a:ext>
          </a:extLst>
        </xdr:cNvPr>
        <xdr:cNvSpPr txBox="1"/>
      </xdr:nvSpPr>
      <xdr:spPr>
        <a:xfrm>
          <a:off x="4124960" y="1660943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66402</xdr:rowOff>
    </xdr:from>
    <xdr:to>
      <xdr:col>24</xdr:col>
      <xdr:colOff>152400</xdr:colOff>
      <xdr:row>100</xdr:row>
      <xdr:rowOff>66402</xdr:rowOff>
    </xdr:to>
    <xdr:cxnSp macro="">
      <xdr:nvCxnSpPr>
        <xdr:cNvPr id="310" name="直線コネクタ 309">
          <a:extLst>
            <a:ext uri="{FF2B5EF4-FFF2-40B4-BE49-F238E27FC236}">
              <a16:creationId xmlns:a16="http://schemas.microsoft.com/office/drawing/2014/main" id="{CA24A938-81A6-49D8-8732-438543073314}"/>
            </a:ext>
          </a:extLst>
        </xdr:cNvPr>
        <xdr:cNvCxnSpPr/>
      </xdr:nvCxnSpPr>
      <xdr:spPr>
        <a:xfrm>
          <a:off x="4020820" y="1683040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62577</xdr:rowOff>
    </xdr:from>
    <xdr:ext cx="405111" cy="259045"/>
    <xdr:sp macro="" textlink="">
      <xdr:nvSpPr>
        <xdr:cNvPr id="311" name="【市民会館】&#10;有形固定資産減価償却率平均値テキスト">
          <a:extLst>
            <a:ext uri="{FF2B5EF4-FFF2-40B4-BE49-F238E27FC236}">
              <a16:creationId xmlns:a16="http://schemas.microsoft.com/office/drawing/2014/main" id="{9E5FDA9A-221E-4FDA-9AC9-6F70F30C0535}"/>
            </a:ext>
          </a:extLst>
        </xdr:cNvPr>
        <xdr:cNvSpPr txBox="1"/>
      </xdr:nvSpPr>
      <xdr:spPr>
        <a:xfrm>
          <a:off x="4124960" y="174294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39700</xdr:rowOff>
    </xdr:from>
    <xdr:to>
      <xdr:col>24</xdr:col>
      <xdr:colOff>114300</xdr:colOff>
      <xdr:row>105</xdr:row>
      <xdr:rowOff>69850</xdr:rowOff>
    </xdr:to>
    <xdr:sp macro="" textlink="">
      <xdr:nvSpPr>
        <xdr:cNvPr id="312" name="フローチャート: 判断 311">
          <a:extLst>
            <a:ext uri="{FF2B5EF4-FFF2-40B4-BE49-F238E27FC236}">
              <a16:creationId xmlns:a16="http://schemas.microsoft.com/office/drawing/2014/main" id="{F2F913E6-B99C-4EBB-BCD9-7DE82D68B843}"/>
            </a:ext>
          </a:extLst>
        </xdr:cNvPr>
        <xdr:cNvSpPr/>
      </xdr:nvSpPr>
      <xdr:spPr>
        <a:xfrm>
          <a:off x="4036060" y="175742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03777</xdr:rowOff>
    </xdr:from>
    <xdr:to>
      <xdr:col>20</xdr:col>
      <xdr:colOff>38100</xdr:colOff>
      <xdr:row>105</xdr:row>
      <xdr:rowOff>33927</xdr:rowOff>
    </xdr:to>
    <xdr:sp macro="" textlink="">
      <xdr:nvSpPr>
        <xdr:cNvPr id="313" name="フローチャート: 判断 312">
          <a:extLst>
            <a:ext uri="{FF2B5EF4-FFF2-40B4-BE49-F238E27FC236}">
              <a16:creationId xmlns:a16="http://schemas.microsoft.com/office/drawing/2014/main" id="{807B79EE-E3F0-4C96-947B-F80F5FCEF29F}"/>
            </a:ext>
          </a:extLst>
        </xdr:cNvPr>
        <xdr:cNvSpPr/>
      </xdr:nvSpPr>
      <xdr:spPr>
        <a:xfrm>
          <a:off x="3312160" y="1753833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05411</xdr:rowOff>
    </xdr:from>
    <xdr:to>
      <xdr:col>15</xdr:col>
      <xdr:colOff>101600</xdr:colOff>
      <xdr:row>105</xdr:row>
      <xdr:rowOff>35561</xdr:rowOff>
    </xdr:to>
    <xdr:sp macro="" textlink="">
      <xdr:nvSpPr>
        <xdr:cNvPr id="314" name="フローチャート: 判断 313">
          <a:extLst>
            <a:ext uri="{FF2B5EF4-FFF2-40B4-BE49-F238E27FC236}">
              <a16:creationId xmlns:a16="http://schemas.microsoft.com/office/drawing/2014/main" id="{AADBFB2D-C61D-4458-8532-8711222C210C}"/>
            </a:ext>
          </a:extLst>
        </xdr:cNvPr>
        <xdr:cNvSpPr/>
      </xdr:nvSpPr>
      <xdr:spPr>
        <a:xfrm>
          <a:off x="2514600" y="1753997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76019</xdr:rowOff>
    </xdr:from>
    <xdr:to>
      <xdr:col>10</xdr:col>
      <xdr:colOff>165100</xdr:colOff>
      <xdr:row>105</xdr:row>
      <xdr:rowOff>6169</xdr:rowOff>
    </xdr:to>
    <xdr:sp macro="" textlink="">
      <xdr:nvSpPr>
        <xdr:cNvPr id="315" name="フローチャート: 判断 314">
          <a:extLst>
            <a:ext uri="{FF2B5EF4-FFF2-40B4-BE49-F238E27FC236}">
              <a16:creationId xmlns:a16="http://schemas.microsoft.com/office/drawing/2014/main" id="{95B7B7A7-E903-45FE-8A13-C85BBF4FE4D1}"/>
            </a:ext>
          </a:extLst>
        </xdr:cNvPr>
        <xdr:cNvSpPr/>
      </xdr:nvSpPr>
      <xdr:spPr>
        <a:xfrm>
          <a:off x="1739900" y="1751057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56424</xdr:rowOff>
    </xdr:from>
    <xdr:to>
      <xdr:col>6</xdr:col>
      <xdr:colOff>38100</xdr:colOff>
      <xdr:row>104</xdr:row>
      <xdr:rowOff>158024</xdr:rowOff>
    </xdr:to>
    <xdr:sp macro="" textlink="">
      <xdr:nvSpPr>
        <xdr:cNvPr id="316" name="フローチャート: 判断 315">
          <a:extLst>
            <a:ext uri="{FF2B5EF4-FFF2-40B4-BE49-F238E27FC236}">
              <a16:creationId xmlns:a16="http://schemas.microsoft.com/office/drawing/2014/main" id="{D0BF8AA9-8B6B-413C-85F7-4736896CA8C8}"/>
            </a:ext>
          </a:extLst>
        </xdr:cNvPr>
        <xdr:cNvSpPr/>
      </xdr:nvSpPr>
      <xdr:spPr>
        <a:xfrm>
          <a:off x="965200" y="1749098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7" name="テキスト ボックス 316">
          <a:extLst>
            <a:ext uri="{FF2B5EF4-FFF2-40B4-BE49-F238E27FC236}">
              <a16:creationId xmlns:a16="http://schemas.microsoft.com/office/drawing/2014/main" id="{117F3D25-2695-44B0-98F1-1202D799EFF4}"/>
            </a:ext>
          </a:extLst>
        </xdr:cNvPr>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8" name="テキスト ボックス 317">
          <a:extLst>
            <a:ext uri="{FF2B5EF4-FFF2-40B4-BE49-F238E27FC236}">
              <a16:creationId xmlns:a16="http://schemas.microsoft.com/office/drawing/2014/main" id="{CBAA22B5-FEED-49D7-9594-CC88B7189072}"/>
            </a:ext>
          </a:extLst>
        </xdr:cNvPr>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9" name="テキスト ボックス 318">
          <a:extLst>
            <a:ext uri="{FF2B5EF4-FFF2-40B4-BE49-F238E27FC236}">
              <a16:creationId xmlns:a16="http://schemas.microsoft.com/office/drawing/2014/main" id="{72674D84-F126-4353-B2C5-D82544C66BAE}"/>
            </a:ext>
          </a:extLst>
        </xdr:cNvPr>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20" name="テキスト ボックス 319">
          <a:extLst>
            <a:ext uri="{FF2B5EF4-FFF2-40B4-BE49-F238E27FC236}">
              <a16:creationId xmlns:a16="http://schemas.microsoft.com/office/drawing/2014/main" id="{857B77C2-E4E7-444E-9316-6B82E2EE777B}"/>
            </a:ext>
          </a:extLst>
        </xdr:cNvPr>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21" name="テキスト ボックス 320">
          <a:extLst>
            <a:ext uri="{FF2B5EF4-FFF2-40B4-BE49-F238E27FC236}">
              <a16:creationId xmlns:a16="http://schemas.microsoft.com/office/drawing/2014/main" id="{B72B55D1-66C7-45D5-B05E-16A0E03F1F31}"/>
            </a:ext>
          </a:extLst>
        </xdr:cNvPr>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28666</xdr:rowOff>
    </xdr:from>
    <xdr:to>
      <xdr:col>24</xdr:col>
      <xdr:colOff>114300</xdr:colOff>
      <xdr:row>106</xdr:row>
      <xdr:rowOff>130266</xdr:rowOff>
    </xdr:to>
    <xdr:sp macro="" textlink="">
      <xdr:nvSpPr>
        <xdr:cNvPr id="322" name="楕円 321">
          <a:extLst>
            <a:ext uri="{FF2B5EF4-FFF2-40B4-BE49-F238E27FC236}">
              <a16:creationId xmlns:a16="http://schemas.microsoft.com/office/drawing/2014/main" id="{DB5012BA-D11E-4732-8FEA-DCD946370D21}"/>
            </a:ext>
          </a:extLst>
        </xdr:cNvPr>
        <xdr:cNvSpPr/>
      </xdr:nvSpPr>
      <xdr:spPr>
        <a:xfrm>
          <a:off x="4036060" y="17798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7093</xdr:rowOff>
    </xdr:from>
    <xdr:ext cx="405111" cy="259045"/>
    <xdr:sp macro="" textlink="">
      <xdr:nvSpPr>
        <xdr:cNvPr id="323" name="【市民会館】&#10;有形固定資産減価償却率該当値テキスト">
          <a:extLst>
            <a:ext uri="{FF2B5EF4-FFF2-40B4-BE49-F238E27FC236}">
              <a16:creationId xmlns:a16="http://schemas.microsoft.com/office/drawing/2014/main" id="{496782B7-AA35-497A-AF33-ADA7C368D234}"/>
            </a:ext>
          </a:extLst>
        </xdr:cNvPr>
        <xdr:cNvSpPr txBox="1"/>
      </xdr:nvSpPr>
      <xdr:spPr>
        <a:xfrm>
          <a:off x="4124960" y="17776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70724</xdr:rowOff>
    </xdr:from>
    <xdr:to>
      <xdr:col>20</xdr:col>
      <xdr:colOff>38100</xdr:colOff>
      <xdr:row>106</xdr:row>
      <xdr:rowOff>100874</xdr:rowOff>
    </xdr:to>
    <xdr:sp macro="" textlink="">
      <xdr:nvSpPr>
        <xdr:cNvPr id="324" name="楕円 323">
          <a:extLst>
            <a:ext uri="{FF2B5EF4-FFF2-40B4-BE49-F238E27FC236}">
              <a16:creationId xmlns:a16="http://schemas.microsoft.com/office/drawing/2014/main" id="{BBA689BE-EA24-4B1E-801F-886A1A8FD99A}"/>
            </a:ext>
          </a:extLst>
        </xdr:cNvPr>
        <xdr:cNvSpPr/>
      </xdr:nvSpPr>
      <xdr:spPr>
        <a:xfrm>
          <a:off x="3312160" y="1777292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50074</xdr:rowOff>
    </xdr:from>
    <xdr:to>
      <xdr:col>24</xdr:col>
      <xdr:colOff>63500</xdr:colOff>
      <xdr:row>106</xdr:row>
      <xdr:rowOff>79466</xdr:rowOff>
    </xdr:to>
    <xdr:cxnSp macro="">
      <xdr:nvCxnSpPr>
        <xdr:cNvPr id="325" name="直線コネクタ 324">
          <a:extLst>
            <a:ext uri="{FF2B5EF4-FFF2-40B4-BE49-F238E27FC236}">
              <a16:creationId xmlns:a16="http://schemas.microsoft.com/office/drawing/2014/main" id="{C5D40316-445A-4C88-92F2-DC4C6DE4D2E3}"/>
            </a:ext>
          </a:extLst>
        </xdr:cNvPr>
        <xdr:cNvCxnSpPr/>
      </xdr:nvCxnSpPr>
      <xdr:spPr>
        <a:xfrm>
          <a:off x="3355340" y="17819914"/>
          <a:ext cx="73152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47864</xdr:rowOff>
    </xdr:from>
    <xdr:to>
      <xdr:col>15</xdr:col>
      <xdr:colOff>101600</xdr:colOff>
      <xdr:row>106</xdr:row>
      <xdr:rowOff>78014</xdr:rowOff>
    </xdr:to>
    <xdr:sp macro="" textlink="">
      <xdr:nvSpPr>
        <xdr:cNvPr id="326" name="楕円 325">
          <a:extLst>
            <a:ext uri="{FF2B5EF4-FFF2-40B4-BE49-F238E27FC236}">
              <a16:creationId xmlns:a16="http://schemas.microsoft.com/office/drawing/2014/main" id="{D26B7C3E-C221-4BF1-83A7-8F70C4EDDB90}"/>
            </a:ext>
          </a:extLst>
        </xdr:cNvPr>
        <xdr:cNvSpPr/>
      </xdr:nvSpPr>
      <xdr:spPr>
        <a:xfrm>
          <a:off x="2514600" y="177500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27214</xdr:rowOff>
    </xdr:from>
    <xdr:to>
      <xdr:col>19</xdr:col>
      <xdr:colOff>177800</xdr:colOff>
      <xdr:row>106</xdr:row>
      <xdr:rowOff>50074</xdr:rowOff>
    </xdr:to>
    <xdr:cxnSp macro="">
      <xdr:nvCxnSpPr>
        <xdr:cNvPr id="327" name="直線コネクタ 326">
          <a:extLst>
            <a:ext uri="{FF2B5EF4-FFF2-40B4-BE49-F238E27FC236}">
              <a16:creationId xmlns:a16="http://schemas.microsoft.com/office/drawing/2014/main" id="{B3F314E4-1600-4BAC-AC86-C88ADCF2A0C9}"/>
            </a:ext>
          </a:extLst>
        </xdr:cNvPr>
        <xdr:cNvCxnSpPr/>
      </xdr:nvCxnSpPr>
      <xdr:spPr>
        <a:xfrm>
          <a:off x="2565400" y="17797054"/>
          <a:ext cx="78994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33169</xdr:rowOff>
    </xdr:from>
    <xdr:to>
      <xdr:col>10</xdr:col>
      <xdr:colOff>165100</xdr:colOff>
      <xdr:row>106</xdr:row>
      <xdr:rowOff>63319</xdr:rowOff>
    </xdr:to>
    <xdr:sp macro="" textlink="">
      <xdr:nvSpPr>
        <xdr:cNvPr id="328" name="楕円 327">
          <a:extLst>
            <a:ext uri="{FF2B5EF4-FFF2-40B4-BE49-F238E27FC236}">
              <a16:creationId xmlns:a16="http://schemas.microsoft.com/office/drawing/2014/main" id="{A4EDA5A2-5B1B-402E-B58B-6540EA2C4AAB}"/>
            </a:ext>
          </a:extLst>
        </xdr:cNvPr>
        <xdr:cNvSpPr/>
      </xdr:nvSpPr>
      <xdr:spPr>
        <a:xfrm>
          <a:off x="1739900" y="177353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12519</xdr:rowOff>
    </xdr:from>
    <xdr:to>
      <xdr:col>15</xdr:col>
      <xdr:colOff>50800</xdr:colOff>
      <xdr:row>106</xdr:row>
      <xdr:rowOff>27214</xdr:rowOff>
    </xdr:to>
    <xdr:cxnSp macro="">
      <xdr:nvCxnSpPr>
        <xdr:cNvPr id="329" name="直線コネクタ 328">
          <a:extLst>
            <a:ext uri="{FF2B5EF4-FFF2-40B4-BE49-F238E27FC236}">
              <a16:creationId xmlns:a16="http://schemas.microsoft.com/office/drawing/2014/main" id="{3BDAC83C-8F90-410C-B4B0-34A32B05D607}"/>
            </a:ext>
          </a:extLst>
        </xdr:cNvPr>
        <xdr:cNvCxnSpPr/>
      </xdr:nvCxnSpPr>
      <xdr:spPr>
        <a:xfrm>
          <a:off x="1790700" y="17782359"/>
          <a:ext cx="77470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156029</xdr:rowOff>
    </xdr:from>
    <xdr:to>
      <xdr:col>6</xdr:col>
      <xdr:colOff>38100</xdr:colOff>
      <xdr:row>106</xdr:row>
      <xdr:rowOff>86179</xdr:rowOff>
    </xdr:to>
    <xdr:sp macro="" textlink="">
      <xdr:nvSpPr>
        <xdr:cNvPr id="330" name="楕円 329">
          <a:extLst>
            <a:ext uri="{FF2B5EF4-FFF2-40B4-BE49-F238E27FC236}">
              <a16:creationId xmlns:a16="http://schemas.microsoft.com/office/drawing/2014/main" id="{E7F1D223-BE26-49AA-B282-BB97C1A3B308}"/>
            </a:ext>
          </a:extLst>
        </xdr:cNvPr>
        <xdr:cNvSpPr/>
      </xdr:nvSpPr>
      <xdr:spPr>
        <a:xfrm>
          <a:off x="965200" y="1775822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12519</xdr:rowOff>
    </xdr:from>
    <xdr:to>
      <xdr:col>10</xdr:col>
      <xdr:colOff>114300</xdr:colOff>
      <xdr:row>106</xdr:row>
      <xdr:rowOff>35379</xdr:rowOff>
    </xdr:to>
    <xdr:cxnSp macro="">
      <xdr:nvCxnSpPr>
        <xdr:cNvPr id="331" name="直線コネクタ 330">
          <a:extLst>
            <a:ext uri="{FF2B5EF4-FFF2-40B4-BE49-F238E27FC236}">
              <a16:creationId xmlns:a16="http://schemas.microsoft.com/office/drawing/2014/main" id="{E60D41B1-EF1D-447D-B0E1-C2C2A47D72D5}"/>
            </a:ext>
          </a:extLst>
        </xdr:cNvPr>
        <xdr:cNvCxnSpPr/>
      </xdr:nvCxnSpPr>
      <xdr:spPr>
        <a:xfrm flipV="1">
          <a:off x="1008380" y="17782359"/>
          <a:ext cx="78232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50454</xdr:rowOff>
    </xdr:from>
    <xdr:ext cx="405111" cy="259045"/>
    <xdr:sp macro="" textlink="">
      <xdr:nvSpPr>
        <xdr:cNvPr id="332" name="n_1aveValue【市民会館】&#10;有形固定資産減価償却率">
          <a:extLst>
            <a:ext uri="{FF2B5EF4-FFF2-40B4-BE49-F238E27FC236}">
              <a16:creationId xmlns:a16="http://schemas.microsoft.com/office/drawing/2014/main" id="{8B0A5E66-8A6D-426E-B4C7-33094B9402ED}"/>
            </a:ext>
          </a:extLst>
        </xdr:cNvPr>
        <xdr:cNvSpPr txBox="1"/>
      </xdr:nvSpPr>
      <xdr:spPr>
        <a:xfrm>
          <a:off x="3170564" y="173173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52088</xdr:rowOff>
    </xdr:from>
    <xdr:ext cx="405111" cy="259045"/>
    <xdr:sp macro="" textlink="">
      <xdr:nvSpPr>
        <xdr:cNvPr id="333" name="n_2aveValue【市民会館】&#10;有形固定資産減価償却率">
          <a:extLst>
            <a:ext uri="{FF2B5EF4-FFF2-40B4-BE49-F238E27FC236}">
              <a16:creationId xmlns:a16="http://schemas.microsoft.com/office/drawing/2014/main" id="{9AC30F17-725B-4F2E-AAFA-DF69F46E849D}"/>
            </a:ext>
          </a:extLst>
        </xdr:cNvPr>
        <xdr:cNvSpPr txBox="1"/>
      </xdr:nvSpPr>
      <xdr:spPr>
        <a:xfrm>
          <a:off x="2385704" y="173190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22696</xdr:rowOff>
    </xdr:from>
    <xdr:ext cx="405111" cy="259045"/>
    <xdr:sp macro="" textlink="">
      <xdr:nvSpPr>
        <xdr:cNvPr id="334" name="n_3aveValue【市民会館】&#10;有形固定資産減価償却率">
          <a:extLst>
            <a:ext uri="{FF2B5EF4-FFF2-40B4-BE49-F238E27FC236}">
              <a16:creationId xmlns:a16="http://schemas.microsoft.com/office/drawing/2014/main" id="{67FB0C58-7E58-49F4-9209-970342DD64DE}"/>
            </a:ext>
          </a:extLst>
        </xdr:cNvPr>
        <xdr:cNvSpPr txBox="1"/>
      </xdr:nvSpPr>
      <xdr:spPr>
        <a:xfrm>
          <a:off x="1611004" y="17289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3101</xdr:rowOff>
    </xdr:from>
    <xdr:ext cx="405111" cy="259045"/>
    <xdr:sp macro="" textlink="">
      <xdr:nvSpPr>
        <xdr:cNvPr id="335" name="n_4aveValue【市民会館】&#10;有形固定資産減価償却率">
          <a:extLst>
            <a:ext uri="{FF2B5EF4-FFF2-40B4-BE49-F238E27FC236}">
              <a16:creationId xmlns:a16="http://schemas.microsoft.com/office/drawing/2014/main" id="{FF0ACAC1-FCF8-42AD-A4FA-3509B7F9F801}"/>
            </a:ext>
          </a:extLst>
        </xdr:cNvPr>
        <xdr:cNvSpPr txBox="1"/>
      </xdr:nvSpPr>
      <xdr:spPr>
        <a:xfrm>
          <a:off x="836304" y="17270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92001</xdr:rowOff>
    </xdr:from>
    <xdr:ext cx="405111" cy="259045"/>
    <xdr:sp macro="" textlink="">
      <xdr:nvSpPr>
        <xdr:cNvPr id="336" name="n_1mainValue【市民会館】&#10;有形固定資産減価償却率">
          <a:extLst>
            <a:ext uri="{FF2B5EF4-FFF2-40B4-BE49-F238E27FC236}">
              <a16:creationId xmlns:a16="http://schemas.microsoft.com/office/drawing/2014/main" id="{3169D89B-9CE2-496A-AA45-F732402BF03B}"/>
            </a:ext>
          </a:extLst>
        </xdr:cNvPr>
        <xdr:cNvSpPr txBox="1"/>
      </xdr:nvSpPr>
      <xdr:spPr>
        <a:xfrm>
          <a:off x="3170564" y="17861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69141</xdr:rowOff>
    </xdr:from>
    <xdr:ext cx="405111" cy="259045"/>
    <xdr:sp macro="" textlink="">
      <xdr:nvSpPr>
        <xdr:cNvPr id="337" name="n_2mainValue【市民会館】&#10;有形固定資産減価償却率">
          <a:extLst>
            <a:ext uri="{FF2B5EF4-FFF2-40B4-BE49-F238E27FC236}">
              <a16:creationId xmlns:a16="http://schemas.microsoft.com/office/drawing/2014/main" id="{A9F0E89D-DC43-4611-8799-BC1D50FA56F3}"/>
            </a:ext>
          </a:extLst>
        </xdr:cNvPr>
        <xdr:cNvSpPr txBox="1"/>
      </xdr:nvSpPr>
      <xdr:spPr>
        <a:xfrm>
          <a:off x="2385704" y="178389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54446</xdr:rowOff>
    </xdr:from>
    <xdr:ext cx="405111" cy="259045"/>
    <xdr:sp macro="" textlink="">
      <xdr:nvSpPr>
        <xdr:cNvPr id="338" name="n_3mainValue【市民会館】&#10;有形固定資産減価償却率">
          <a:extLst>
            <a:ext uri="{FF2B5EF4-FFF2-40B4-BE49-F238E27FC236}">
              <a16:creationId xmlns:a16="http://schemas.microsoft.com/office/drawing/2014/main" id="{C1DCB930-0987-4C1F-B5B0-6705338B18C8}"/>
            </a:ext>
          </a:extLst>
        </xdr:cNvPr>
        <xdr:cNvSpPr txBox="1"/>
      </xdr:nvSpPr>
      <xdr:spPr>
        <a:xfrm>
          <a:off x="1611004" y="178242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77306</xdr:rowOff>
    </xdr:from>
    <xdr:ext cx="405111" cy="259045"/>
    <xdr:sp macro="" textlink="">
      <xdr:nvSpPr>
        <xdr:cNvPr id="339" name="n_4mainValue【市民会館】&#10;有形固定資産減価償却率">
          <a:extLst>
            <a:ext uri="{FF2B5EF4-FFF2-40B4-BE49-F238E27FC236}">
              <a16:creationId xmlns:a16="http://schemas.microsoft.com/office/drawing/2014/main" id="{E6EFA1AA-23A9-4FDF-A2C0-8B31A8EBA238}"/>
            </a:ext>
          </a:extLst>
        </xdr:cNvPr>
        <xdr:cNvSpPr txBox="1"/>
      </xdr:nvSpPr>
      <xdr:spPr>
        <a:xfrm>
          <a:off x="836304" y="178471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40" name="正方形/長方形 339">
          <a:extLst>
            <a:ext uri="{FF2B5EF4-FFF2-40B4-BE49-F238E27FC236}">
              <a16:creationId xmlns:a16="http://schemas.microsoft.com/office/drawing/2014/main" id="{B9731290-4EB9-4CED-8C91-625CADC22A3F}"/>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1" name="正方形/長方形 340">
          <a:extLst>
            <a:ext uri="{FF2B5EF4-FFF2-40B4-BE49-F238E27FC236}">
              <a16:creationId xmlns:a16="http://schemas.microsoft.com/office/drawing/2014/main" id="{63D2A721-FE7E-4DE2-B789-541EDFCA3FD4}"/>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2" name="正方形/長方形 341">
          <a:extLst>
            <a:ext uri="{FF2B5EF4-FFF2-40B4-BE49-F238E27FC236}">
              <a16:creationId xmlns:a16="http://schemas.microsoft.com/office/drawing/2014/main" id="{749581D2-FBA3-4671-831E-DBC86AE52F8F}"/>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3" name="正方形/長方形 342">
          <a:extLst>
            <a:ext uri="{FF2B5EF4-FFF2-40B4-BE49-F238E27FC236}">
              <a16:creationId xmlns:a16="http://schemas.microsoft.com/office/drawing/2014/main" id="{8BA31643-D15E-4C34-AE1B-AADEC9FAE107}"/>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4" name="正方形/長方形 343">
          <a:extLst>
            <a:ext uri="{FF2B5EF4-FFF2-40B4-BE49-F238E27FC236}">
              <a16:creationId xmlns:a16="http://schemas.microsoft.com/office/drawing/2014/main" id="{AB47D4C8-ED9C-4F7E-967C-246C0AB0C4B4}"/>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5" name="正方形/長方形 344">
          <a:extLst>
            <a:ext uri="{FF2B5EF4-FFF2-40B4-BE49-F238E27FC236}">
              <a16:creationId xmlns:a16="http://schemas.microsoft.com/office/drawing/2014/main" id="{EA78512E-DB92-4E7B-9FD5-59084DB8DA97}"/>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6" name="正方形/長方形 345">
          <a:extLst>
            <a:ext uri="{FF2B5EF4-FFF2-40B4-BE49-F238E27FC236}">
              <a16:creationId xmlns:a16="http://schemas.microsoft.com/office/drawing/2014/main" id="{80D5867F-9EF0-4B5D-9947-A0033D8C0198}"/>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7" name="正方形/長方形 346">
          <a:extLst>
            <a:ext uri="{FF2B5EF4-FFF2-40B4-BE49-F238E27FC236}">
              <a16:creationId xmlns:a16="http://schemas.microsoft.com/office/drawing/2014/main" id="{43EAAE69-49DC-4F0D-B470-18B47619FA2B}"/>
            </a:ext>
          </a:extLst>
        </xdr:cNvPr>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8" name="テキスト ボックス 347">
          <a:extLst>
            <a:ext uri="{FF2B5EF4-FFF2-40B4-BE49-F238E27FC236}">
              <a16:creationId xmlns:a16="http://schemas.microsoft.com/office/drawing/2014/main" id="{89A3765A-0360-4591-8172-BCBC68FCDD8F}"/>
            </a:ext>
          </a:extLst>
        </xdr:cNvPr>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9" name="直線コネクタ 348">
          <a:extLst>
            <a:ext uri="{FF2B5EF4-FFF2-40B4-BE49-F238E27FC236}">
              <a16:creationId xmlns:a16="http://schemas.microsoft.com/office/drawing/2014/main" id="{960E3C9E-F8FA-404B-96AE-A42A5D8605BC}"/>
            </a:ext>
          </a:extLst>
        </xdr:cNvPr>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50" name="直線コネクタ 349">
          <a:extLst>
            <a:ext uri="{FF2B5EF4-FFF2-40B4-BE49-F238E27FC236}">
              <a16:creationId xmlns:a16="http://schemas.microsoft.com/office/drawing/2014/main" id="{8B4520BB-F603-4C5F-8748-70A6DCB6315A}"/>
            </a:ext>
          </a:extLst>
        </xdr:cNvPr>
        <xdr:cNvCxnSpPr/>
      </xdr:nvCxnSpPr>
      <xdr:spPr>
        <a:xfrm>
          <a:off x="5826760" y="182575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51" name="テキスト ボックス 350">
          <a:extLst>
            <a:ext uri="{FF2B5EF4-FFF2-40B4-BE49-F238E27FC236}">
              <a16:creationId xmlns:a16="http://schemas.microsoft.com/office/drawing/2014/main" id="{D4C3C215-4549-4355-AF38-3D962657E798}"/>
            </a:ext>
          </a:extLst>
        </xdr:cNvPr>
        <xdr:cNvSpPr txBox="1"/>
      </xdr:nvSpPr>
      <xdr:spPr>
        <a:xfrm>
          <a:off x="54053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52" name="直線コネクタ 351">
          <a:extLst>
            <a:ext uri="{FF2B5EF4-FFF2-40B4-BE49-F238E27FC236}">
              <a16:creationId xmlns:a16="http://schemas.microsoft.com/office/drawing/2014/main" id="{52401782-98D1-4243-805E-08EE844B5372}"/>
            </a:ext>
          </a:extLst>
        </xdr:cNvPr>
        <xdr:cNvCxnSpPr/>
      </xdr:nvCxnSpPr>
      <xdr:spPr>
        <a:xfrm>
          <a:off x="5826760" y="17884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53" name="テキスト ボックス 352">
          <a:extLst>
            <a:ext uri="{FF2B5EF4-FFF2-40B4-BE49-F238E27FC236}">
              <a16:creationId xmlns:a16="http://schemas.microsoft.com/office/drawing/2014/main" id="{672D9AB6-C06C-4FD1-B428-30AB877EAFF6}"/>
            </a:ext>
          </a:extLst>
        </xdr:cNvPr>
        <xdr:cNvSpPr txBox="1"/>
      </xdr:nvSpPr>
      <xdr:spPr>
        <a:xfrm>
          <a:off x="540530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54" name="直線コネクタ 353">
          <a:extLst>
            <a:ext uri="{FF2B5EF4-FFF2-40B4-BE49-F238E27FC236}">
              <a16:creationId xmlns:a16="http://schemas.microsoft.com/office/drawing/2014/main" id="{A68E7CDC-E5C2-45D7-BE44-1E2ABCBD2718}"/>
            </a:ext>
          </a:extLst>
        </xdr:cNvPr>
        <xdr:cNvCxnSpPr/>
      </xdr:nvCxnSpPr>
      <xdr:spPr>
        <a:xfrm>
          <a:off x="5826760" y="175107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55" name="テキスト ボックス 354">
          <a:extLst>
            <a:ext uri="{FF2B5EF4-FFF2-40B4-BE49-F238E27FC236}">
              <a16:creationId xmlns:a16="http://schemas.microsoft.com/office/drawing/2014/main" id="{B8C6AE59-9422-46A4-898E-9973113CD01E}"/>
            </a:ext>
          </a:extLst>
        </xdr:cNvPr>
        <xdr:cNvSpPr txBox="1"/>
      </xdr:nvSpPr>
      <xdr:spPr>
        <a:xfrm>
          <a:off x="540530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56" name="直線コネクタ 355">
          <a:extLst>
            <a:ext uri="{FF2B5EF4-FFF2-40B4-BE49-F238E27FC236}">
              <a16:creationId xmlns:a16="http://schemas.microsoft.com/office/drawing/2014/main" id="{D9442E31-47F8-48B2-A667-7FA976BEC493}"/>
            </a:ext>
          </a:extLst>
        </xdr:cNvPr>
        <xdr:cNvCxnSpPr/>
      </xdr:nvCxnSpPr>
      <xdr:spPr>
        <a:xfrm>
          <a:off x="5826760" y="171373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57" name="テキスト ボックス 356">
          <a:extLst>
            <a:ext uri="{FF2B5EF4-FFF2-40B4-BE49-F238E27FC236}">
              <a16:creationId xmlns:a16="http://schemas.microsoft.com/office/drawing/2014/main" id="{D466F360-832E-41DC-9ECC-8445363A0C97}"/>
            </a:ext>
          </a:extLst>
        </xdr:cNvPr>
        <xdr:cNvSpPr txBox="1"/>
      </xdr:nvSpPr>
      <xdr:spPr>
        <a:xfrm>
          <a:off x="540530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58" name="直線コネクタ 357">
          <a:extLst>
            <a:ext uri="{FF2B5EF4-FFF2-40B4-BE49-F238E27FC236}">
              <a16:creationId xmlns:a16="http://schemas.microsoft.com/office/drawing/2014/main" id="{8691DCCC-9027-4F48-82E3-CF1AE80C05C7}"/>
            </a:ext>
          </a:extLst>
        </xdr:cNvPr>
        <xdr:cNvCxnSpPr/>
      </xdr:nvCxnSpPr>
      <xdr:spPr>
        <a:xfrm>
          <a:off x="5826760" y="167640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59" name="テキスト ボックス 358">
          <a:extLst>
            <a:ext uri="{FF2B5EF4-FFF2-40B4-BE49-F238E27FC236}">
              <a16:creationId xmlns:a16="http://schemas.microsoft.com/office/drawing/2014/main" id="{8128C8EA-336B-420A-A4D9-E969B56C45F7}"/>
            </a:ext>
          </a:extLst>
        </xdr:cNvPr>
        <xdr:cNvSpPr txBox="1"/>
      </xdr:nvSpPr>
      <xdr:spPr>
        <a:xfrm>
          <a:off x="540530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60" name="直線コネクタ 359">
          <a:extLst>
            <a:ext uri="{FF2B5EF4-FFF2-40B4-BE49-F238E27FC236}">
              <a16:creationId xmlns:a16="http://schemas.microsoft.com/office/drawing/2014/main" id="{F58C3C12-1264-44EE-AF60-40B97F0819F5}"/>
            </a:ext>
          </a:extLst>
        </xdr:cNvPr>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61" name="テキスト ボックス 360">
          <a:extLst>
            <a:ext uri="{FF2B5EF4-FFF2-40B4-BE49-F238E27FC236}">
              <a16:creationId xmlns:a16="http://schemas.microsoft.com/office/drawing/2014/main" id="{D0C0319F-E8C4-4776-9BAE-42159F4B2FC7}"/>
            </a:ext>
          </a:extLst>
        </xdr:cNvPr>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62" name="【市民会館】&#10;一人当たり面積グラフ枠">
          <a:extLst>
            <a:ext uri="{FF2B5EF4-FFF2-40B4-BE49-F238E27FC236}">
              <a16:creationId xmlns:a16="http://schemas.microsoft.com/office/drawing/2014/main" id="{A4002FE5-5926-4064-BBF0-846DF3891B66}"/>
            </a:ext>
          </a:extLst>
        </xdr:cNvPr>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5725</xdr:rowOff>
    </xdr:from>
    <xdr:to>
      <xdr:col>54</xdr:col>
      <xdr:colOff>189865</xdr:colOff>
      <xdr:row>108</xdr:row>
      <xdr:rowOff>135255</xdr:rowOff>
    </xdr:to>
    <xdr:cxnSp macro="">
      <xdr:nvCxnSpPr>
        <xdr:cNvPr id="363" name="直線コネクタ 362">
          <a:extLst>
            <a:ext uri="{FF2B5EF4-FFF2-40B4-BE49-F238E27FC236}">
              <a16:creationId xmlns:a16="http://schemas.microsoft.com/office/drawing/2014/main" id="{1E0DAFE1-4BDC-4B85-BA16-7D3B040A8B23}"/>
            </a:ext>
          </a:extLst>
        </xdr:cNvPr>
        <xdr:cNvCxnSpPr/>
      </xdr:nvCxnSpPr>
      <xdr:spPr>
        <a:xfrm flipV="1">
          <a:off x="9219565" y="17017365"/>
          <a:ext cx="0" cy="1223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39082</xdr:rowOff>
    </xdr:from>
    <xdr:ext cx="469744" cy="259045"/>
    <xdr:sp macro="" textlink="">
      <xdr:nvSpPr>
        <xdr:cNvPr id="364" name="【市民会館】&#10;一人当たり面積最小値テキスト">
          <a:extLst>
            <a:ext uri="{FF2B5EF4-FFF2-40B4-BE49-F238E27FC236}">
              <a16:creationId xmlns:a16="http://schemas.microsoft.com/office/drawing/2014/main" id="{183372F9-A95E-4174-8D08-8ABF409F9B3F}"/>
            </a:ext>
          </a:extLst>
        </xdr:cNvPr>
        <xdr:cNvSpPr txBox="1"/>
      </xdr:nvSpPr>
      <xdr:spPr>
        <a:xfrm>
          <a:off x="9258300" y="182442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35255</xdr:rowOff>
    </xdr:from>
    <xdr:to>
      <xdr:col>55</xdr:col>
      <xdr:colOff>88900</xdr:colOff>
      <xdr:row>108</xdr:row>
      <xdr:rowOff>135255</xdr:rowOff>
    </xdr:to>
    <xdr:cxnSp macro="">
      <xdr:nvCxnSpPr>
        <xdr:cNvPr id="365" name="直線コネクタ 364">
          <a:extLst>
            <a:ext uri="{FF2B5EF4-FFF2-40B4-BE49-F238E27FC236}">
              <a16:creationId xmlns:a16="http://schemas.microsoft.com/office/drawing/2014/main" id="{4F47D7D5-105A-4DC2-967A-FED9FD6A6675}"/>
            </a:ext>
          </a:extLst>
        </xdr:cNvPr>
        <xdr:cNvCxnSpPr/>
      </xdr:nvCxnSpPr>
      <xdr:spPr>
        <a:xfrm>
          <a:off x="9154160" y="1824037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32402</xdr:rowOff>
    </xdr:from>
    <xdr:ext cx="469744" cy="259045"/>
    <xdr:sp macro="" textlink="">
      <xdr:nvSpPr>
        <xdr:cNvPr id="366" name="【市民会館】&#10;一人当たり面積最大値テキスト">
          <a:extLst>
            <a:ext uri="{FF2B5EF4-FFF2-40B4-BE49-F238E27FC236}">
              <a16:creationId xmlns:a16="http://schemas.microsoft.com/office/drawing/2014/main" id="{02DDAC97-96BF-4D1D-B394-5A44E5F5F9FF}"/>
            </a:ext>
          </a:extLst>
        </xdr:cNvPr>
        <xdr:cNvSpPr txBox="1"/>
      </xdr:nvSpPr>
      <xdr:spPr>
        <a:xfrm>
          <a:off x="9258300" y="16796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5725</xdr:rowOff>
    </xdr:from>
    <xdr:to>
      <xdr:col>55</xdr:col>
      <xdr:colOff>88900</xdr:colOff>
      <xdr:row>101</xdr:row>
      <xdr:rowOff>85725</xdr:rowOff>
    </xdr:to>
    <xdr:cxnSp macro="">
      <xdr:nvCxnSpPr>
        <xdr:cNvPr id="367" name="直線コネクタ 366">
          <a:extLst>
            <a:ext uri="{FF2B5EF4-FFF2-40B4-BE49-F238E27FC236}">
              <a16:creationId xmlns:a16="http://schemas.microsoft.com/office/drawing/2014/main" id="{63681F04-2050-41CE-A5B9-D986D7623079}"/>
            </a:ext>
          </a:extLst>
        </xdr:cNvPr>
        <xdr:cNvCxnSpPr/>
      </xdr:nvCxnSpPr>
      <xdr:spPr>
        <a:xfrm>
          <a:off x="9154160" y="170173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33366</xdr:rowOff>
    </xdr:from>
    <xdr:ext cx="469744" cy="259045"/>
    <xdr:sp macro="" textlink="">
      <xdr:nvSpPr>
        <xdr:cNvPr id="368" name="【市民会館】&#10;一人当たり面積平均値テキスト">
          <a:extLst>
            <a:ext uri="{FF2B5EF4-FFF2-40B4-BE49-F238E27FC236}">
              <a16:creationId xmlns:a16="http://schemas.microsoft.com/office/drawing/2014/main" id="{7552699D-B8B6-4103-98EA-DE105C10468B}"/>
            </a:ext>
          </a:extLst>
        </xdr:cNvPr>
        <xdr:cNvSpPr txBox="1"/>
      </xdr:nvSpPr>
      <xdr:spPr>
        <a:xfrm>
          <a:off x="9258300" y="179032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54939</xdr:rowOff>
    </xdr:from>
    <xdr:to>
      <xdr:col>55</xdr:col>
      <xdr:colOff>50800</xdr:colOff>
      <xdr:row>107</xdr:row>
      <xdr:rowOff>85089</xdr:rowOff>
    </xdr:to>
    <xdr:sp macro="" textlink="">
      <xdr:nvSpPr>
        <xdr:cNvPr id="369" name="フローチャート: 判断 368">
          <a:extLst>
            <a:ext uri="{FF2B5EF4-FFF2-40B4-BE49-F238E27FC236}">
              <a16:creationId xmlns:a16="http://schemas.microsoft.com/office/drawing/2014/main" id="{D9A8DBD4-6190-4FCC-A2D5-BFA304CBB1EF}"/>
            </a:ext>
          </a:extLst>
        </xdr:cNvPr>
        <xdr:cNvSpPr/>
      </xdr:nvSpPr>
      <xdr:spPr>
        <a:xfrm>
          <a:off x="9192260" y="1792477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62561</xdr:rowOff>
    </xdr:from>
    <xdr:to>
      <xdr:col>50</xdr:col>
      <xdr:colOff>165100</xdr:colOff>
      <xdr:row>107</xdr:row>
      <xdr:rowOff>92711</xdr:rowOff>
    </xdr:to>
    <xdr:sp macro="" textlink="">
      <xdr:nvSpPr>
        <xdr:cNvPr id="370" name="フローチャート: 判断 369">
          <a:extLst>
            <a:ext uri="{FF2B5EF4-FFF2-40B4-BE49-F238E27FC236}">
              <a16:creationId xmlns:a16="http://schemas.microsoft.com/office/drawing/2014/main" id="{99B5C8B3-AC87-4601-92AC-CE73F29C1E74}"/>
            </a:ext>
          </a:extLst>
        </xdr:cNvPr>
        <xdr:cNvSpPr/>
      </xdr:nvSpPr>
      <xdr:spPr>
        <a:xfrm>
          <a:off x="8445500" y="179324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60655</xdr:rowOff>
    </xdr:from>
    <xdr:to>
      <xdr:col>46</xdr:col>
      <xdr:colOff>38100</xdr:colOff>
      <xdr:row>107</xdr:row>
      <xdr:rowOff>90805</xdr:rowOff>
    </xdr:to>
    <xdr:sp macro="" textlink="">
      <xdr:nvSpPr>
        <xdr:cNvPr id="371" name="フローチャート: 判断 370">
          <a:extLst>
            <a:ext uri="{FF2B5EF4-FFF2-40B4-BE49-F238E27FC236}">
              <a16:creationId xmlns:a16="http://schemas.microsoft.com/office/drawing/2014/main" id="{858213D1-091D-4E70-9F76-C1BF4898C2A1}"/>
            </a:ext>
          </a:extLst>
        </xdr:cNvPr>
        <xdr:cNvSpPr/>
      </xdr:nvSpPr>
      <xdr:spPr>
        <a:xfrm>
          <a:off x="7670800" y="1793049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43511</xdr:rowOff>
    </xdr:from>
    <xdr:to>
      <xdr:col>41</xdr:col>
      <xdr:colOff>101600</xdr:colOff>
      <xdr:row>107</xdr:row>
      <xdr:rowOff>73661</xdr:rowOff>
    </xdr:to>
    <xdr:sp macro="" textlink="">
      <xdr:nvSpPr>
        <xdr:cNvPr id="372" name="フローチャート: 判断 371">
          <a:extLst>
            <a:ext uri="{FF2B5EF4-FFF2-40B4-BE49-F238E27FC236}">
              <a16:creationId xmlns:a16="http://schemas.microsoft.com/office/drawing/2014/main" id="{5E39E1D8-FC00-4DB6-95C5-6D7A8357FF59}"/>
            </a:ext>
          </a:extLst>
        </xdr:cNvPr>
        <xdr:cNvSpPr/>
      </xdr:nvSpPr>
      <xdr:spPr>
        <a:xfrm>
          <a:off x="6873240" y="1791335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51130</xdr:rowOff>
    </xdr:from>
    <xdr:to>
      <xdr:col>36</xdr:col>
      <xdr:colOff>165100</xdr:colOff>
      <xdr:row>107</xdr:row>
      <xdr:rowOff>81280</xdr:rowOff>
    </xdr:to>
    <xdr:sp macro="" textlink="">
      <xdr:nvSpPr>
        <xdr:cNvPr id="373" name="フローチャート: 判断 372">
          <a:extLst>
            <a:ext uri="{FF2B5EF4-FFF2-40B4-BE49-F238E27FC236}">
              <a16:creationId xmlns:a16="http://schemas.microsoft.com/office/drawing/2014/main" id="{80306765-D64C-4156-855D-5A9092F9F89C}"/>
            </a:ext>
          </a:extLst>
        </xdr:cNvPr>
        <xdr:cNvSpPr/>
      </xdr:nvSpPr>
      <xdr:spPr>
        <a:xfrm>
          <a:off x="6098540" y="179209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4" name="テキスト ボックス 373">
          <a:extLst>
            <a:ext uri="{FF2B5EF4-FFF2-40B4-BE49-F238E27FC236}">
              <a16:creationId xmlns:a16="http://schemas.microsoft.com/office/drawing/2014/main" id="{904B5D41-32B7-4151-ADAB-333A5EAB6A65}"/>
            </a:ext>
          </a:extLst>
        </xdr:cNvPr>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5" name="テキスト ボックス 374">
          <a:extLst>
            <a:ext uri="{FF2B5EF4-FFF2-40B4-BE49-F238E27FC236}">
              <a16:creationId xmlns:a16="http://schemas.microsoft.com/office/drawing/2014/main" id="{67447CCE-E64C-40D4-9803-C994B3AEFABB}"/>
            </a:ext>
          </a:extLst>
        </xdr:cNvPr>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6" name="テキスト ボックス 375">
          <a:extLst>
            <a:ext uri="{FF2B5EF4-FFF2-40B4-BE49-F238E27FC236}">
              <a16:creationId xmlns:a16="http://schemas.microsoft.com/office/drawing/2014/main" id="{2ADE9EBA-E427-4A1D-951F-CE543430C6C9}"/>
            </a:ext>
          </a:extLst>
        </xdr:cNvPr>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7" name="テキスト ボックス 376">
          <a:extLst>
            <a:ext uri="{FF2B5EF4-FFF2-40B4-BE49-F238E27FC236}">
              <a16:creationId xmlns:a16="http://schemas.microsoft.com/office/drawing/2014/main" id="{A7BBBE49-03BE-45FA-8FA0-E2F435E07F3F}"/>
            </a:ext>
          </a:extLst>
        </xdr:cNvPr>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8" name="テキスト ボックス 377">
          <a:extLst>
            <a:ext uri="{FF2B5EF4-FFF2-40B4-BE49-F238E27FC236}">
              <a16:creationId xmlns:a16="http://schemas.microsoft.com/office/drawing/2014/main" id="{0DE40707-F04D-4D11-A161-E5D46D85F182}"/>
            </a:ext>
          </a:extLst>
        </xdr:cNvPr>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50164</xdr:rowOff>
    </xdr:from>
    <xdr:to>
      <xdr:col>55</xdr:col>
      <xdr:colOff>50800</xdr:colOff>
      <xdr:row>106</xdr:row>
      <xdr:rowOff>151764</xdr:rowOff>
    </xdr:to>
    <xdr:sp macro="" textlink="">
      <xdr:nvSpPr>
        <xdr:cNvPr id="379" name="楕円 378">
          <a:extLst>
            <a:ext uri="{FF2B5EF4-FFF2-40B4-BE49-F238E27FC236}">
              <a16:creationId xmlns:a16="http://schemas.microsoft.com/office/drawing/2014/main" id="{1F2CB786-3599-445F-8687-7622EDF5ADA6}"/>
            </a:ext>
          </a:extLst>
        </xdr:cNvPr>
        <xdr:cNvSpPr/>
      </xdr:nvSpPr>
      <xdr:spPr>
        <a:xfrm>
          <a:off x="9192260" y="1782000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73041</xdr:rowOff>
    </xdr:from>
    <xdr:ext cx="469744" cy="259045"/>
    <xdr:sp macro="" textlink="">
      <xdr:nvSpPr>
        <xdr:cNvPr id="380" name="【市民会館】&#10;一人当たり面積該当値テキスト">
          <a:extLst>
            <a:ext uri="{FF2B5EF4-FFF2-40B4-BE49-F238E27FC236}">
              <a16:creationId xmlns:a16="http://schemas.microsoft.com/office/drawing/2014/main" id="{034D2086-4BDC-4142-AFFF-B1838B7B78E1}"/>
            </a:ext>
          </a:extLst>
        </xdr:cNvPr>
        <xdr:cNvSpPr txBox="1"/>
      </xdr:nvSpPr>
      <xdr:spPr>
        <a:xfrm>
          <a:off x="9258300" y="17675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53975</xdr:rowOff>
    </xdr:from>
    <xdr:to>
      <xdr:col>50</xdr:col>
      <xdr:colOff>165100</xdr:colOff>
      <xdr:row>106</xdr:row>
      <xdr:rowOff>155575</xdr:rowOff>
    </xdr:to>
    <xdr:sp macro="" textlink="">
      <xdr:nvSpPr>
        <xdr:cNvPr id="381" name="楕円 380">
          <a:extLst>
            <a:ext uri="{FF2B5EF4-FFF2-40B4-BE49-F238E27FC236}">
              <a16:creationId xmlns:a16="http://schemas.microsoft.com/office/drawing/2014/main" id="{F6A5D5D0-9ACC-4883-A807-33278C7700E1}"/>
            </a:ext>
          </a:extLst>
        </xdr:cNvPr>
        <xdr:cNvSpPr/>
      </xdr:nvSpPr>
      <xdr:spPr>
        <a:xfrm>
          <a:off x="8445500" y="17823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00964</xdr:rowOff>
    </xdr:from>
    <xdr:to>
      <xdr:col>55</xdr:col>
      <xdr:colOff>0</xdr:colOff>
      <xdr:row>106</xdr:row>
      <xdr:rowOff>104775</xdr:rowOff>
    </xdr:to>
    <xdr:cxnSp macro="">
      <xdr:nvCxnSpPr>
        <xdr:cNvPr id="382" name="直線コネクタ 381">
          <a:extLst>
            <a:ext uri="{FF2B5EF4-FFF2-40B4-BE49-F238E27FC236}">
              <a16:creationId xmlns:a16="http://schemas.microsoft.com/office/drawing/2014/main" id="{952F0247-6612-4BB5-9E41-2B92F785B6F9}"/>
            </a:ext>
          </a:extLst>
        </xdr:cNvPr>
        <xdr:cNvCxnSpPr/>
      </xdr:nvCxnSpPr>
      <xdr:spPr>
        <a:xfrm flipV="1">
          <a:off x="8496300" y="17870804"/>
          <a:ext cx="7239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55880</xdr:rowOff>
    </xdr:from>
    <xdr:to>
      <xdr:col>46</xdr:col>
      <xdr:colOff>38100</xdr:colOff>
      <xdr:row>106</xdr:row>
      <xdr:rowOff>157480</xdr:rowOff>
    </xdr:to>
    <xdr:sp macro="" textlink="">
      <xdr:nvSpPr>
        <xdr:cNvPr id="383" name="楕円 382">
          <a:extLst>
            <a:ext uri="{FF2B5EF4-FFF2-40B4-BE49-F238E27FC236}">
              <a16:creationId xmlns:a16="http://schemas.microsoft.com/office/drawing/2014/main" id="{2B545611-FF02-44BA-8CA7-E0592D6B53DF}"/>
            </a:ext>
          </a:extLst>
        </xdr:cNvPr>
        <xdr:cNvSpPr/>
      </xdr:nvSpPr>
      <xdr:spPr>
        <a:xfrm>
          <a:off x="7670800" y="1782572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04775</xdr:rowOff>
    </xdr:from>
    <xdr:to>
      <xdr:col>50</xdr:col>
      <xdr:colOff>114300</xdr:colOff>
      <xdr:row>106</xdr:row>
      <xdr:rowOff>106680</xdr:rowOff>
    </xdr:to>
    <xdr:cxnSp macro="">
      <xdr:nvCxnSpPr>
        <xdr:cNvPr id="384" name="直線コネクタ 383">
          <a:extLst>
            <a:ext uri="{FF2B5EF4-FFF2-40B4-BE49-F238E27FC236}">
              <a16:creationId xmlns:a16="http://schemas.microsoft.com/office/drawing/2014/main" id="{0178A112-4EE2-47C5-ABB0-9656AAD44F71}"/>
            </a:ext>
          </a:extLst>
        </xdr:cNvPr>
        <xdr:cNvCxnSpPr/>
      </xdr:nvCxnSpPr>
      <xdr:spPr>
        <a:xfrm flipV="1">
          <a:off x="7713980" y="17874615"/>
          <a:ext cx="78232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59689</xdr:rowOff>
    </xdr:from>
    <xdr:to>
      <xdr:col>41</xdr:col>
      <xdr:colOff>101600</xdr:colOff>
      <xdr:row>106</xdr:row>
      <xdr:rowOff>161289</xdr:rowOff>
    </xdr:to>
    <xdr:sp macro="" textlink="">
      <xdr:nvSpPr>
        <xdr:cNvPr id="385" name="楕円 384">
          <a:extLst>
            <a:ext uri="{FF2B5EF4-FFF2-40B4-BE49-F238E27FC236}">
              <a16:creationId xmlns:a16="http://schemas.microsoft.com/office/drawing/2014/main" id="{C456D49D-978F-4969-B0DF-32F8E94F93EB}"/>
            </a:ext>
          </a:extLst>
        </xdr:cNvPr>
        <xdr:cNvSpPr/>
      </xdr:nvSpPr>
      <xdr:spPr>
        <a:xfrm>
          <a:off x="6873240" y="17829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06680</xdr:rowOff>
    </xdr:from>
    <xdr:to>
      <xdr:col>45</xdr:col>
      <xdr:colOff>177800</xdr:colOff>
      <xdr:row>106</xdr:row>
      <xdr:rowOff>110489</xdr:rowOff>
    </xdr:to>
    <xdr:cxnSp macro="">
      <xdr:nvCxnSpPr>
        <xdr:cNvPr id="386" name="直線コネクタ 385">
          <a:extLst>
            <a:ext uri="{FF2B5EF4-FFF2-40B4-BE49-F238E27FC236}">
              <a16:creationId xmlns:a16="http://schemas.microsoft.com/office/drawing/2014/main" id="{17C8FCF0-4DCA-415B-B741-757A8FCCE056}"/>
            </a:ext>
          </a:extLst>
        </xdr:cNvPr>
        <xdr:cNvCxnSpPr/>
      </xdr:nvCxnSpPr>
      <xdr:spPr>
        <a:xfrm flipV="1">
          <a:off x="6924040" y="17876520"/>
          <a:ext cx="78994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63500</xdr:rowOff>
    </xdr:from>
    <xdr:to>
      <xdr:col>36</xdr:col>
      <xdr:colOff>165100</xdr:colOff>
      <xdr:row>106</xdr:row>
      <xdr:rowOff>165100</xdr:rowOff>
    </xdr:to>
    <xdr:sp macro="" textlink="">
      <xdr:nvSpPr>
        <xdr:cNvPr id="387" name="楕円 386">
          <a:extLst>
            <a:ext uri="{FF2B5EF4-FFF2-40B4-BE49-F238E27FC236}">
              <a16:creationId xmlns:a16="http://schemas.microsoft.com/office/drawing/2014/main" id="{060168E4-B258-43E0-A61F-E5BF4F2B40A1}"/>
            </a:ext>
          </a:extLst>
        </xdr:cNvPr>
        <xdr:cNvSpPr/>
      </xdr:nvSpPr>
      <xdr:spPr>
        <a:xfrm>
          <a:off x="6098540" y="1783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10489</xdr:rowOff>
    </xdr:from>
    <xdr:to>
      <xdr:col>41</xdr:col>
      <xdr:colOff>50800</xdr:colOff>
      <xdr:row>106</xdr:row>
      <xdr:rowOff>114300</xdr:rowOff>
    </xdr:to>
    <xdr:cxnSp macro="">
      <xdr:nvCxnSpPr>
        <xdr:cNvPr id="388" name="直線コネクタ 387">
          <a:extLst>
            <a:ext uri="{FF2B5EF4-FFF2-40B4-BE49-F238E27FC236}">
              <a16:creationId xmlns:a16="http://schemas.microsoft.com/office/drawing/2014/main" id="{C57A4EB8-0943-4C33-8154-1CB9D4BA93B0}"/>
            </a:ext>
          </a:extLst>
        </xdr:cNvPr>
        <xdr:cNvCxnSpPr/>
      </xdr:nvCxnSpPr>
      <xdr:spPr>
        <a:xfrm flipV="1">
          <a:off x="6149340" y="17880329"/>
          <a:ext cx="7747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83838</xdr:rowOff>
    </xdr:from>
    <xdr:ext cx="469744" cy="259045"/>
    <xdr:sp macro="" textlink="">
      <xdr:nvSpPr>
        <xdr:cNvPr id="389" name="n_1aveValue【市民会館】&#10;一人当たり面積">
          <a:extLst>
            <a:ext uri="{FF2B5EF4-FFF2-40B4-BE49-F238E27FC236}">
              <a16:creationId xmlns:a16="http://schemas.microsoft.com/office/drawing/2014/main" id="{0B666681-E4D8-4FF2-934F-90934E82F1BF}"/>
            </a:ext>
          </a:extLst>
        </xdr:cNvPr>
        <xdr:cNvSpPr txBox="1"/>
      </xdr:nvSpPr>
      <xdr:spPr>
        <a:xfrm>
          <a:off x="8271587" y="18021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81932</xdr:rowOff>
    </xdr:from>
    <xdr:ext cx="469744" cy="259045"/>
    <xdr:sp macro="" textlink="">
      <xdr:nvSpPr>
        <xdr:cNvPr id="390" name="n_2aveValue【市民会館】&#10;一人当たり面積">
          <a:extLst>
            <a:ext uri="{FF2B5EF4-FFF2-40B4-BE49-F238E27FC236}">
              <a16:creationId xmlns:a16="http://schemas.microsoft.com/office/drawing/2014/main" id="{B4138CDA-7832-45D5-9B1D-C82F197E241A}"/>
            </a:ext>
          </a:extLst>
        </xdr:cNvPr>
        <xdr:cNvSpPr txBox="1"/>
      </xdr:nvSpPr>
      <xdr:spPr>
        <a:xfrm>
          <a:off x="7509587" y="18019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64788</xdr:rowOff>
    </xdr:from>
    <xdr:ext cx="469744" cy="259045"/>
    <xdr:sp macro="" textlink="">
      <xdr:nvSpPr>
        <xdr:cNvPr id="391" name="n_3aveValue【市民会館】&#10;一人当たり面積">
          <a:extLst>
            <a:ext uri="{FF2B5EF4-FFF2-40B4-BE49-F238E27FC236}">
              <a16:creationId xmlns:a16="http://schemas.microsoft.com/office/drawing/2014/main" id="{7E822E6C-DE3A-4857-9733-01488D8F887F}"/>
            </a:ext>
          </a:extLst>
        </xdr:cNvPr>
        <xdr:cNvSpPr txBox="1"/>
      </xdr:nvSpPr>
      <xdr:spPr>
        <a:xfrm>
          <a:off x="6712027" y="18002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72407</xdr:rowOff>
    </xdr:from>
    <xdr:ext cx="469744" cy="259045"/>
    <xdr:sp macro="" textlink="">
      <xdr:nvSpPr>
        <xdr:cNvPr id="392" name="n_4aveValue【市民会館】&#10;一人当たり面積">
          <a:extLst>
            <a:ext uri="{FF2B5EF4-FFF2-40B4-BE49-F238E27FC236}">
              <a16:creationId xmlns:a16="http://schemas.microsoft.com/office/drawing/2014/main" id="{34066646-BDAF-49C4-B550-E45E70F3A82E}"/>
            </a:ext>
          </a:extLst>
        </xdr:cNvPr>
        <xdr:cNvSpPr txBox="1"/>
      </xdr:nvSpPr>
      <xdr:spPr>
        <a:xfrm>
          <a:off x="5937327" y="18009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5</xdr:row>
      <xdr:rowOff>652</xdr:rowOff>
    </xdr:from>
    <xdr:ext cx="469744" cy="259045"/>
    <xdr:sp macro="" textlink="">
      <xdr:nvSpPr>
        <xdr:cNvPr id="393" name="n_1mainValue【市民会館】&#10;一人当たり面積">
          <a:extLst>
            <a:ext uri="{FF2B5EF4-FFF2-40B4-BE49-F238E27FC236}">
              <a16:creationId xmlns:a16="http://schemas.microsoft.com/office/drawing/2014/main" id="{D19EE23C-6FC0-454F-B233-55EBFEA716AC}"/>
            </a:ext>
          </a:extLst>
        </xdr:cNvPr>
        <xdr:cNvSpPr txBox="1"/>
      </xdr:nvSpPr>
      <xdr:spPr>
        <a:xfrm>
          <a:off x="8271587" y="17602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2557</xdr:rowOff>
    </xdr:from>
    <xdr:ext cx="469744" cy="259045"/>
    <xdr:sp macro="" textlink="">
      <xdr:nvSpPr>
        <xdr:cNvPr id="394" name="n_2mainValue【市民会館】&#10;一人当たり面積">
          <a:extLst>
            <a:ext uri="{FF2B5EF4-FFF2-40B4-BE49-F238E27FC236}">
              <a16:creationId xmlns:a16="http://schemas.microsoft.com/office/drawing/2014/main" id="{B708932E-1CDE-457D-B306-E5EDF9919C64}"/>
            </a:ext>
          </a:extLst>
        </xdr:cNvPr>
        <xdr:cNvSpPr txBox="1"/>
      </xdr:nvSpPr>
      <xdr:spPr>
        <a:xfrm>
          <a:off x="7509587" y="17604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6366</xdr:rowOff>
    </xdr:from>
    <xdr:ext cx="469744" cy="259045"/>
    <xdr:sp macro="" textlink="">
      <xdr:nvSpPr>
        <xdr:cNvPr id="395" name="n_3mainValue【市民会館】&#10;一人当たり面積">
          <a:extLst>
            <a:ext uri="{FF2B5EF4-FFF2-40B4-BE49-F238E27FC236}">
              <a16:creationId xmlns:a16="http://schemas.microsoft.com/office/drawing/2014/main" id="{FC67D3B9-DE29-4E09-AEE2-D3666B104203}"/>
            </a:ext>
          </a:extLst>
        </xdr:cNvPr>
        <xdr:cNvSpPr txBox="1"/>
      </xdr:nvSpPr>
      <xdr:spPr>
        <a:xfrm>
          <a:off x="6712027" y="17608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0177</xdr:rowOff>
    </xdr:from>
    <xdr:ext cx="469744" cy="259045"/>
    <xdr:sp macro="" textlink="">
      <xdr:nvSpPr>
        <xdr:cNvPr id="396" name="n_4mainValue【市民会館】&#10;一人当たり面積">
          <a:extLst>
            <a:ext uri="{FF2B5EF4-FFF2-40B4-BE49-F238E27FC236}">
              <a16:creationId xmlns:a16="http://schemas.microsoft.com/office/drawing/2014/main" id="{584CEEA2-59DA-482F-8E5C-8B56E78211FF}"/>
            </a:ext>
          </a:extLst>
        </xdr:cNvPr>
        <xdr:cNvSpPr txBox="1"/>
      </xdr:nvSpPr>
      <xdr:spPr>
        <a:xfrm>
          <a:off x="5937327" y="1761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7" name="正方形/長方形 396">
          <a:extLst>
            <a:ext uri="{FF2B5EF4-FFF2-40B4-BE49-F238E27FC236}">
              <a16:creationId xmlns:a16="http://schemas.microsoft.com/office/drawing/2014/main" id="{5D59CF11-DAD2-45A0-96DB-4C034FBC6248}"/>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8" name="正方形/長方形 397">
          <a:extLst>
            <a:ext uri="{FF2B5EF4-FFF2-40B4-BE49-F238E27FC236}">
              <a16:creationId xmlns:a16="http://schemas.microsoft.com/office/drawing/2014/main" id="{897FEC3A-18B7-45E3-A61A-0AAA055B1543}"/>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9" name="正方形/長方形 398">
          <a:extLst>
            <a:ext uri="{FF2B5EF4-FFF2-40B4-BE49-F238E27FC236}">
              <a16:creationId xmlns:a16="http://schemas.microsoft.com/office/drawing/2014/main" id="{159DE6B2-8556-4BD6-91E7-13C311C0E262}"/>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0" name="正方形/長方形 399">
          <a:extLst>
            <a:ext uri="{FF2B5EF4-FFF2-40B4-BE49-F238E27FC236}">
              <a16:creationId xmlns:a16="http://schemas.microsoft.com/office/drawing/2014/main" id="{5A7116D0-8345-47F6-86A1-F3CFF2A0DE8D}"/>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1" name="正方形/長方形 400">
          <a:extLst>
            <a:ext uri="{FF2B5EF4-FFF2-40B4-BE49-F238E27FC236}">
              <a16:creationId xmlns:a16="http://schemas.microsoft.com/office/drawing/2014/main" id="{45819335-9282-4D74-90A8-8009C207C4D3}"/>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2" name="正方形/長方形 401">
          <a:extLst>
            <a:ext uri="{FF2B5EF4-FFF2-40B4-BE49-F238E27FC236}">
              <a16:creationId xmlns:a16="http://schemas.microsoft.com/office/drawing/2014/main" id="{1FC335CB-17AA-44D6-9E51-A259BE0DC6EC}"/>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3" name="正方形/長方形 402">
          <a:extLst>
            <a:ext uri="{FF2B5EF4-FFF2-40B4-BE49-F238E27FC236}">
              <a16:creationId xmlns:a16="http://schemas.microsoft.com/office/drawing/2014/main" id="{1B7122ED-D16B-48C7-9075-9A7709BEBEDB}"/>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4" name="正方形/長方形 403">
          <a:extLst>
            <a:ext uri="{FF2B5EF4-FFF2-40B4-BE49-F238E27FC236}">
              <a16:creationId xmlns:a16="http://schemas.microsoft.com/office/drawing/2014/main" id="{2289CBD3-1989-418A-81E6-BFD764A3083E}"/>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5" name="テキスト ボックス 404">
          <a:extLst>
            <a:ext uri="{FF2B5EF4-FFF2-40B4-BE49-F238E27FC236}">
              <a16:creationId xmlns:a16="http://schemas.microsoft.com/office/drawing/2014/main" id="{48EF86B9-4FE2-4E70-A8CF-ACE8AC55E28E}"/>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6" name="直線コネクタ 405">
          <a:extLst>
            <a:ext uri="{FF2B5EF4-FFF2-40B4-BE49-F238E27FC236}">
              <a16:creationId xmlns:a16="http://schemas.microsoft.com/office/drawing/2014/main" id="{90A662E7-7758-4AA9-8FCE-3A094BCBC26B}"/>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7" name="テキスト ボックス 406">
          <a:extLst>
            <a:ext uri="{FF2B5EF4-FFF2-40B4-BE49-F238E27FC236}">
              <a16:creationId xmlns:a16="http://schemas.microsoft.com/office/drawing/2014/main" id="{0B0A5842-4CE0-45C5-AA24-585CC692D882}"/>
            </a:ext>
          </a:extLst>
        </xdr:cNvPr>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8" name="直線コネクタ 407">
          <a:extLst>
            <a:ext uri="{FF2B5EF4-FFF2-40B4-BE49-F238E27FC236}">
              <a16:creationId xmlns:a16="http://schemas.microsoft.com/office/drawing/2014/main" id="{99AF9355-BA75-4D28-99B0-B4E94ADD4306}"/>
            </a:ext>
          </a:extLst>
        </xdr:cNvPr>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9" name="テキスト ボックス 408">
          <a:extLst>
            <a:ext uri="{FF2B5EF4-FFF2-40B4-BE49-F238E27FC236}">
              <a16:creationId xmlns:a16="http://schemas.microsoft.com/office/drawing/2014/main" id="{9A624E27-4EA2-40C8-A539-5C0AAE103CD8}"/>
            </a:ext>
          </a:extLst>
        </xdr:cNvPr>
        <xdr:cNvSpPr txBox="1"/>
      </xdr:nvSpPr>
      <xdr:spPr>
        <a:xfrm>
          <a:off x="1056150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10" name="直線コネクタ 409">
          <a:extLst>
            <a:ext uri="{FF2B5EF4-FFF2-40B4-BE49-F238E27FC236}">
              <a16:creationId xmlns:a16="http://schemas.microsoft.com/office/drawing/2014/main" id="{2CF83130-D73E-4FD7-89AB-359A7D82E86F}"/>
            </a:ext>
          </a:extLst>
        </xdr:cNvPr>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11" name="テキスト ボックス 410">
          <a:extLst>
            <a:ext uri="{FF2B5EF4-FFF2-40B4-BE49-F238E27FC236}">
              <a16:creationId xmlns:a16="http://schemas.microsoft.com/office/drawing/2014/main" id="{2F308C67-A36F-4762-82A4-F2BA48906D0B}"/>
            </a:ext>
          </a:extLst>
        </xdr:cNvPr>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2" name="直線コネクタ 411">
          <a:extLst>
            <a:ext uri="{FF2B5EF4-FFF2-40B4-BE49-F238E27FC236}">
              <a16:creationId xmlns:a16="http://schemas.microsoft.com/office/drawing/2014/main" id="{7FF2E1E6-380B-4895-A600-20B09B582062}"/>
            </a:ext>
          </a:extLst>
        </xdr:cNvPr>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3" name="テキスト ボックス 412">
          <a:extLst>
            <a:ext uri="{FF2B5EF4-FFF2-40B4-BE49-F238E27FC236}">
              <a16:creationId xmlns:a16="http://schemas.microsoft.com/office/drawing/2014/main" id="{C00E75FE-45B8-438E-8E86-86E1914E35A4}"/>
            </a:ext>
          </a:extLst>
        </xdr:cNvPr>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4" name="直線コネクタ 413">
          <a:extLst>
            <a:ext uri="{FF2B5EF4-FFF2-40B4-BE49-F238E27FC236}">
              <a16:creationId xmlns:a16="http://schemas.microsoft.com/office/drawing/2014/main" id="{FE824573-FF3E-474F-9BA5-82459BE78966}"/>
            </a:ext>
          </a:extLst>
        </xdr:cNvPr>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5" name="テキスト ボックス 414">
          <a:extLst>
            <a:ext uri="{FF2B5EF4-FFF2-40B4-BE49-F238E27FC236}">
              <a16:creationId xmlns:a16="http://schemas.microsoft.com/office/drawing/2014/main" id="{3DD8C048-2FF7-47A1-8E22-A9C6CCEE3010}"/>
            </a:ext>
          </a:extLst>
        </xdr:cNvPr>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6" name="直線コネクタ 415">
          <a:extLst>
            <a:ext uri="{FF2B5EF4-FFF2-40B4-BE49-F238E27FC236}">
              <a16:creationId xmlns:a16="http://schemas.microsoft.com/office/drawing/2014/main" id="{6CC9F9BA-52DF-4E75-BEAE-49CC6A300F51}"/>
            </a:ext>
          </a:extLst>
        </xdr:cNvPr>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7" name="テキスト ボックス 416">
          <a:extLst>
            <a:ext uri="{FF2B5EF4-FFF2-40B4-BE49-F238E27FC236}">
              <a16:creationId xmlns:a16="http://schemas.microsoft.com/office/drawing/2014/main" id="{470689CC-AD16-43C3-822A-2748F853AF40}"/>
            </a:ext>
          </a:extLst>
        </xdr:cNvPr>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8" name="直線コネクタ 417">
          <a:extLst>
            <a:ext uri="{FF2B5EF4-FFF2-40B4-BE49-F238E27FC236}">
              <a16:creationId xmlns:a16="http://schemas.microsoft.com/office/drawing/2014/main" id="{D4B55C89-062E-465B-8179-693B8A5B2F2A}"/>
            </a:ext>
          </a:extLst>
        </xdr:cNvPr>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9" name="テキスト ボックス 418">
          <a:extLst>
            <a:ext uri="{FF2B5EF4-FFF2-40B4-BE49-F238E27FC236}">
              <a16:creationId xmlns:a16="http://schemas.microsoft.com/office/drawing/2014/main" id="{044E0BC0-C101-4163-A1E3-BC885A6108C9}"/>
            </a:ext>
          </a:extLst>
        </xdr:cNvPr>
        <xdr:cNvSpPr txBox="1"/>
      </xdr:nvSpPr>
      <xdr:spPr>
        <a:xfrm>
          <a:off x="1066688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20" name="直線コネクタ 419">
          <a:extLst>
            <a:ext uri="{FF2B5EF4-FFF2-40B4-BE49-F238E27FC236}">
              <a16:creationId xmlns:a16="http://schemas.microsoft.com/office/drawing/2014/main" id="{4762FEDC-D3B7-45DA-A93F-6224E50B70DE}"/>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21" name="【一般廃棄物処理施設】&#10;有形固定資産減価償却率グラフ枠">
          <a:extLst>
            <a:ext uri="{FF2B5EF4-FFF2-40B4-BE49-F238E27FC236}">
              <a16:creationId xmlns:a16="http://schemas.microsoft.com/office/drawing/2014/main" id="{036E1D15-701E-4671-959D-D7D2DAD36E76}"/>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3746</xdr:rowOff>
    </xdr:from>
    <xdr:to>
      <xdr:col>85</xdr:col>
      <xdr:colOff>126364</xdr:colOff>
      <xdr:row>42</xdr:row>
      <xdr:rowOff>92528</xdr:rowOff>
    </xdr:to>
    <xdr:cxnSp macro="">
      <xdr:nvCxnSpPr>
        <xdr:cNvPr id="422" name="直線コネクタ 421">
          <a:extLst>
            <a:ext uri="{FF2B5EF4-FFF2-40B4-BE49-F238E27FC236}">
              <a16:creationId xmlns:a16="http://schemas.microsoft.com/office/drawing/2014/main" id="{B2C25C30-937E-4CB4-8365-3850274E2623}"/>
            </a:ext>
          </a:extLst>
        </xdr:cNvPr>
        <xdr:cNvCxnSpPr/>
      </xdr:nvCxnSpPr>
      <xdr:spPr>
        <a:xfrm flipV="1">
          <a:off x="14375764" y="5733506"/>
          <a:ext cx="0" cy="13999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23" name="【一般廃棄物処理施設】&#10;有形固定資産減価償却率最小値テキスト">
          <a:extLst>
            <a:ext uri="{FF2B5EF4-FFF2-40B4-BE49-F238E27FC236}">
              <a16:creationId xmlns:a16="http://schemas.microsoft.com/office/drawing/2014/main" id="{3A7953C7-1DC8-422D-9C3B-07BAD40D366E}"/>
            </a:ext>
          </a:extLst>
        </xdr:cNvPr>
        <xdr:cNvSpPr txBox="1"/>
      </xdr:nvSpPr>
      <xdr:spPr>
        <a:xfrm>
          <a:off x="14414500" y="713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4" name="直線コネクタ 423">
          <a:extLst>
            <a:ext uri="{FF2B5EF4-FFF2-40B4-BE49-F238E27FC236}">
              <a16:creationId xmlns:a16="http://schemas.microsoft.com/office/drawing/2014/main" id="{AA197033-3ADA-4F27-8AAD-28293795535F}"/>
            </a:ext>
          </a:extLst>
        </xdr:cNvPr>
        <xdr:cNvCxnSpPr/>
      </xdr:nvCxnSpPr>
      <xdr:spPr>
        <a:xfrm>
          <a:off x="1428750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1873</xdr:rowOff>
    </xdr:from>
    <xdr:ext cx="405111" cy="259045"/>
    <xdr:sp macro="" textlink="">
      <xdr:nvSpPr>
        <xdr:cNvPr id="425" name="【一般廃棄物処理施設】&#10;有形固定資産減価償却率最大値テキスト">
          <a:extLst>
            <a:ext uri="{FF2B5EF4-FFF2-40B4-BE49-F238E27FC236}">
              <a16:creationId xmlns:a16="http://schemas.microsoft.com/office/drawing/2014/main" id="{410C034D-2F49-4B05-B9A5-D4DA694AA1B6}"/>
            </a:ext>
          </a:extLst>
        </xdr:cNvPr>
        <xdr:cNvSpPr txBox="1"/>
      </xdr:nvSpPr>
      <xdr:spPr>
        <a:xfrm>
          <a:off x="14414500" y="5516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3746</xdr:rowOff>
    </xdr:from>
    <xdr:to>
      <xdr:col>86</xdr:col>
      <xdr:colOff>25400</xdr:colOff>
      <xdr:row>34</xdr:row>
      <xdr:rowOff>33746</xdr:rowOff>
    </xdr:to>
    <xdr:cxnSp macro="">
      <xdr:nvCxnSpPr>
        <xdr:cNvPr id="426" name="直線コネクタ 425">
          <a:extLst>
            <a:ext uri="{FF2B5EF4-FFF2-40B4-BE49-F238E27FC236}">
              <a16:creationId xmlns:a16="http://schemas.microsoft.com/office/drawing/2014/main" id="{485FDA2A-23DD-423F-B81D-B4B981E92D3D}"/>
            </a:ext>
          </a:extLst>
        </xdr:cNvPr>
        <xdr:cNvCxnSpPr/>
      </xdr:nvCxnSpPr>
      <xdr:spPr>
        <a:xfrm>
          <a:off x="14287500" y="57335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15224</xdr:rowOff>
    </xdr:from>
    <xdr:ext cx="405111" cy="259045"/>
    <xdr:sp macro="" textlink="">
      <xdr:nvSpPr>
        <xdr:cNvPr id="427" name="【一般廃棄物処理施設】&#10;有形固定資産減価償却率平均値テキスト">
          <a:extLst>
            <a:ext uri="{FF2B5EF4-FFF2-40B4-BE49-F238E27FC236}">
              <a16:creationId xmlns:a16="http://schemas.microsoft.com/office/drawing/2014/main" id="{1E215ABC-8A4D-40EE-B12B-59537E19CBCB}"/>
            </a:ext>
          </a:extLst>
        </xdr:cNvPr>
        <xdr:cNvSpPr txBox="1"/>
      </xdr:nvSpPr>
      <xdr:spPr>
        <a:xfrm>
          <a:off x="14414500" y="63179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2347</xdr:rowOff>
    </xdr:from>
    <xdr:to>
      <xdr:col>85</xdr:col>
      <xdr:colOff>177800</xdr:colOff>
      <xdr:row>39</xdr:row>
      <xdr:rowOff>22497</xdr:rowOff>
    </xdr:to>
    <xdr:sp macro="" textlink="">
      <xdr:nvSpPr>
        <xdr:cNvPr id="428" name="フローチャート: 判断 427">
          <a:extLst>
            <a:ext uri="{FF2B5EF4-FFF2-40B4-BE49-F238E27FC236}">
              <a16:creationId xmlns:a16="http://schemas.microsoft.com/office/drawing/2014/main" id="{63010CAF-307C-4D4E-9482-BBF20CEFF157}"/>
            </a:ext>
          </a:extLst>
        </xdr:cNvPr>
        <xdr:cNvSpPr/>
      </xdr:nvSpPr>
      <xdr:spPr>
        <a:xfrm>
          <a:off x="14325600" y="6462667"/>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8270</xdr:rowOff>
    </xdr:from>
    <xdr:to>
      <xdr:col>81</xdr:col>
      <xdr:colOff>101600</xdr:colOff>
      <xdr:row>39</xdr:row>
      <xdr:rowOff>58420</xdr:rowOff>
    </xdr:to>
    <xdr:sp macro="" textlink="">
      <xdr:nvSpPr>
        <xdr:cNvPr id="429" name="フローチャート: 判断 428">
          <a:extLst>
            <a:ext uri="{FF2B5EF4-FFF2-40B4-BE49-F238E27FC236}">
              <a16:creationId xmlns:a16="http://schemas.microsoft.com/office/drawing/2014/main" id="{EF83A4EB-C124-4687-BD63-794DD11CE706}"/>
            </a:ext>
          </a:extLst>
        </xdr:cNvPr>
        <xdr:cNvSpPr/>
      </xdr:nvSpPr>
      <xdr:spPr>
        <a:xfrm>
          <a:off x="13578840" y="64985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28270</xdr:rowOff>
    </xdr:from>
    <xdr:to>
      <xdr:col>76</xdr:col>
      <xdr:colOff>165100</xdr:colOff>
      <xdr:row>39</xdr:row>
      <xdr:rowOff>58420</xdr:rowOff>
    </xdr:to>
    <xdr:sp macro="" textlink="">
      <xdr:nvSpPr>
        <xdr:cNvPr id="430" name="フローチャート: 判断 429">
          <a:extLst>
            <a:ext uri="{FF2B5EF4-FFF2-40B4-BE49-F238E27FC236}">
              <a16:creationId xmlns:a16="http://schemas.microsoft.com/office/drawing/2014/main" id="{027B2EFD-B7DB-47C4-92D9-CF412D9601D5}"/>
            </a:ext>
          </a:extLst>
        </xdr:cNvPr>
        <xdr:cNvSpPr/>
      </xdr:nvSpPr>
      <xdr:spPr>
        <a:xfrm>
          <a:off x="12804140" y="64985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08676</xdr:rowOff>
    </xdr:from>
    <xdr:to>
      <xdr:col>72</xdr:col>
      <xdr:colOff>38100</xdr:colOff>
      <xdr:row>39</xdr:row>
      <xdr:rowOff>38826</xdr:rowOff>
    </xdr:to>
    <xdr:sp macro="" textlink="">
      <xdr:nvSpPr>
        <xdr:cNvPr id="431" name="フローチャート: 判断 430">
          <a:extLst>
            <a:ext uri="{FF2B5EF4-FFF2-40B4-BE49-F238E27FC236}">
              <a16:creationId xmlns:a16="http://schemas.microsoft.com/office/drawing/2014/main" id="{5776152A-0308-4609-B907-CC8020C244D4}"/>
            </a:ext>
          </a:extLst>
        </xdr:cNvPr>
        <xdr:cNvSpPr/>
      </xdr:nvSpPr>
      <xdr:spPr>
        <a:xfrm>
          <a:off x="12029440" y="647899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02144</xdr:rowOff>
    </xdr:from>
    <xdr:to>
      <xdr:col>67</xdr:col>
      <xdr:colOff>101600</xdr:colOff>
      <xdr:row>39</xdr:row>
      <xdr:rowOff>32294</xdr:rowOff>
    </xdr:to>
    <xdr:sp macro="" textlink="">
      <xdr:nvSpPr>
        <xdr:cNvPr id="432" name="フローチャート: 判断 431">
          <a:extLst>
            <a:ext uri="{FF2B5EF4-FFF2-40B4-BE49-F238E27FC236}">
              <a16:creationId xmlns:a16="http://schemas.microsoft.com/office/drawing/2014/main" id="{0AA4EC7A-16EE-44A0-B9C2-BF3E4F63D83A}"/>
            </a:ext>
          </a:extLst>
        </xdr:cNvPr>
        <xdr:cNvSpPr/>
      </xdr:nvSpPr>
      <xdr:spPr>
        <a:xfrm>
          <a:off x="11231880" y="64724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id="{5182F38B-044A-4584-A748-19C20975CF59}"/>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id="{E8068F24-96AE-4122-8782-E2BAA09502ED}"/>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0FBE0730-DDC4-4A9D-AD0A-B412B3D62FA8}"/>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6" name="テキスト ボックス 435">
          <a:extLst>
            <a:ext uri="{FF2B5EF4-FFF2-40B4-BE49-F238E27FC236}">
              <a16:creationId xmlns:a16="http://schemas.microsoft.com/office/drawing/2014/main" id="{F5192F00-BDA3-4F41-9237-99F4144E0728}"/>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7" name="テキスト ボックス 436">
          <a:extLst>
            <a:ext uri="{FF2B5EF4-FFF2-40B4-BE49-F238E27FC236}">
              <a16:creationId xmlns:a16="http://schemas.microsoft.com/office/drawing/2014/main" id="{D4BA3649-75AB-407A-BA7C-235CAF752C42}"/>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10309</xdr:rowOff>
    </xdr:from>
    <xdr:to>
      <xdr:col>85</xdr:col>
      <xdr:colOff>177800</xdr:colOff>
      <xdr:row>40</xdr:row>
      <xdr:rowOff>40459</xdr:rowOff>
    </xdr:to>
    <xdr:sp macro="" textlink="">
      <xdr:nvSpPr>
        <xdr:cNvPr id="438" name="楕円 437">
          <a:extLst>
            <a:ext uri="{FF2B5EF4-FFF2-40B4-BE49-F238E27FC236}">
              <a16:creationId xmlns:a16="http://schemas.microsoft.com/office/drawing/2014/main" id="{14D1CBF0-D837-4F23-845A-986E0800C576}"/>
            </a:ext>
          </a:extLst>
        </xdr:cNvPr>
        <xdr:cNvSpPr/>
      </xdr:nvSpPr>
      <xdr:spPr>
        <a:xfrm>
          <a:off x="14325600" y="6648269"/>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88736</xdr:rowOff>
    </xdr:from>
    <xdr:ext cx="405111" cy="259045"/>
    <xdr:sp macro="" textlink="">
      <xdr:nvSpPr>
        <xdr:cNvPr id="439" name="【一般廃棄物処理施設】&#10;有形固定資産減価償却率該当値テキスト">
          <a:extLst>
            <a:ext uri="{FF2B5EF4-FFF2-40B4-BE49-F238E27FC236}">
              <a16:creationId xmlns:a16="http://schemas.microsoft.com/office/drawing/2014/main" id="{384BB7E2-9BA3-427C-A2CE-F9FF82D12D17}"/>
            </a:ext>
          </a:extLst>
        </xdr:cNvPr>
        <xdr:cNvSpPr txBox="1"/>
      </xdr:nvSpPr>
      <xdr:spPr>
        <a:xfrm>
          <a:off x="14414500" y="66266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85816</xdr:rowOff>
    </xdr:from>
    <xdr:to>
      <xdr:col>81</xdr:col>
      <xdr:colOff>101600</xdr:colOff>
      <xdr:row>40</xdr:row>
      <xdr:rowOff>15966</xdr:rowOff>
    </xdr:to>
    <xdr:sp macro="" textlink="">
      <xdr:nvSpPr>
        <xdr:cNvPr id="440" name="楕円 439">
          <a:extLst>
            <a:ext uri="{FF2B5EF4-FFF2-40B4-BE49-F238E27FC236}">
              <a16:creationId xmlns:a16="http://schemas.microsoft.com/office/drawing/2014/main" id="{A016EB70-154D-4D0E-9219-BA7FB258F76E}"/>
            </a:ext>
          </a:extLst>
        </xdr:cNvPr>
        <xdr:cNvSpPr/>
      </xdr:nvSpPr>
      <xdr:spPr>
        <a:xfrm>
          <a:off x="13578840" y="662377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36616</xdr:rowOff>
    </xdr:from>
    <xdr:to>
      <xdr:col>85</xdr:col>
      <xdr:colOff>127000</xdr:colOff>
      <xdr:row>39</xdr:row>
      <xdr:rowOff>161109</xdr:rowOff>
    </xdr:to>
    <xdr:cxnSp macro="">
      <xdr:nvCxnSpPr>
        <xdr:cNvPr id="441" name="直線コネクタ 440">
          <a:extLst>
            <a:ext uri="{FF2B5EF4-FFF2-40B4-BE49-F238E27FC236}">
              <a16:creationId xmlns:a16="http://schemas.microsoft.com/office/drawing/2014/main" id="{E0F920AA-F9CC-45B0-8CAC-48BD07C98F22}"/>
            </a:ext>
          </a:extLst>
        </xdr:cNvPr>
        <xdr:cNvCxnSpPr/>
      </xdr:nvCxnSpPr>
      <xdr:spPr>
        <a:xfrm>
          <a:off x="13629640" y="6674576"/>
          <a:ext cx="74676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61323</xdr:rowOff>
    </xdr:from>
    <xdr:to>
      <xdr:col>76</xdr:col>
      <xdr:colOff>165100</xdr:colOff>
      <xdr:row>39</xdr:row>
      <xdr:rowOff>162923</xdr:rowOff>
    </xdr:to>
    <xdr:sp macro="" textlink="">
      <xdr:nvSpPr>
        <xdr:cNvPr id="442" name="楕円 441">
          <a:extLst>
            <a:ext uri="{FF2B5EF4-FFF2-40B4-BE49-F238E27FC236}">
              <a16:creationId xmlns:a16="http://schemas.microsoft.com/office/drawing/2014/main" id="{981B4F3F-4935-430C-933A-6A8E08E93BAD}"/>
            </a:ext>
          </a:extLst>
        </xdr:cNvPr>
        <xdr:cNvSpPr/>
      </xdr:nvSpPr>
      <xdr:spPr>
        <a:xfrm>
          <a:off x="12804140" y="6599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12123</xdr:rowOff>
    </xdr:from>
    <xdr:to>
      <xdr:col>81</xdr:col>
      <xdr:colOff>50800</xdr:colOff>
      <xdr:row>39</xdr:row>
      <xdr:rowOff>136616</xdr:rowOff>
    </xdr:to>
    <xdr:cxnSp macro="">
      <xdr:nvCxnSpPr>
        <xdr:cNvPr id="443" name="直線コネクタ 442">
          <a:extLst>
            <a:ext uri="{FF2B5EF4-FFF2-40B4-BE49-F238E27FC236}">
              <a16:creationId xmlns:a16="http://schemas.microsoft.com/office/drawing/2014/main" id="{8696A4B9-FC14-4EF3-9F02-6EB931E96950}"/>
            </a:ext>
          </a:extLst>
        </xdr:cNvPr>
        <xdr:cNvCxnSpPr/>
      </xdr:nvCxnSpPr>
      <xdr:spPr>
        <a:xfrm>
          <a:off x="12854940" y="6650083"/>
          <a:ext cx="7747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36830</xdr:rowOff>
    </xdr:from>
    <xdr:to>
      <xdr:col>72</xdr:col>
      <xdr:colOff>38100</xdr:colOff>
      <xdr:row>39</xdr:row>
      <xdr:rowOff>138430</xdr:rowOff>
    </xdr:to>
    <xdr:sp macro="" textlink="">
      <xdr:nvSpPr>
        <xdr:cNvPr id="444" name="楕円 443">
          <a:extLst>
            <a:ext uri="{FF2B5EF4-FFF2-40B4-BE49-F238E27FC236}">
              <a16:creationId xmlns:a16="http://schemas.microsoft.com/office/drawing/2014/main" id="{9ADE1ABE-A54E-4AF1-AB5D-43D053EA7985}"/>
            </a:ext>
          </a:extLst>
        </xdr:cNvPr>
        <xdr:cNvSpPr/>
      </xdr:nvSpPr>
      <xdr:spPr>
        <a:xfrm>
          <a:off x="12029440" y="657479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87630</xdr:rowOff>
    </xdr:from>
    <xdr:to>
      <xdr:col>76</xdr:col>
      <xdr:colOff>114300</xdr:colOff>
      <xdr:row>39</xdr:row>
      <xdr:rowOff>112123</xdr:rowOff>
    </xdr:to>
    <xdr:cxnSp macro="">
      <xdr:nvCxnSpPr>
        <xdr:cNvPr id="445" name="直線コネクタ 444">
          <a:extLst>
            <a:ext uri="{FF2B5EF4-FFF2-40B4-BE49-F238E27FC236}">
              <a16:creationId xmlns:a16="http://schemas.microsoft.com/office/drawing/2014/main" id="{55DCCD0C-E38B-4096-818D-EF64B639B225}"/>
            </a:ext>
          </a:extLst>
        </xdr:cNvPr>
        <xdr:cNvCxnSpPr/>
      </xdr:nvCxnSpPr>
      <xdr:spPr>
        <a:xfrm>
          <a:off x="12072620" y="6625590"/>
          <a:ext cx="78232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136434</xdr:rowOff>
    </xdr:from>
    <xdr:to>
      <xdr:col>67</xdr:col>
      <xdr:colOff>101600</xdr:colOff>
      <xdr:row>41</xdr:row>
      <xdr:rowOff>66584</xdr:rowOff>
    </xdr:to>
    <xdr:sp macro="" textlink="">
      <xdr:nvSpPr>
        <xdr:cNvPr id="446" name="楕円 445">
          <a:extLst>
            <a:ext uri="{FF2B5EF4-FFF2-40B4-BE49-F238E27FC236}">
              <a16:creationId xmlns:a16="http://schemas.microsoft.com/office/drawing/2014/main" id="{4D21AFC8-2FDB-4C8B-8B53-D92B4F513566}"/>
            </a:ext>
          </a:extLst>
        </xdr:cNvPr>
        <xdr:cNvSpPr/>
      </xdr:nvSpPr>
      <xdr:spPr>
        <a:xfrm>
          <a:off x="11231880" y="684203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87630</xdr:rowOff>
    </xdr:from>
    <xdr:to>
      <xdr:col>71</xdr:col>
      <xdr:colOff>177800</xdr:colOff>
      <xdr:row>41</xdr:row>
      <xdr:rowOff>15784</xdr:rowOff>
    </xdr:to>
    <xdr:cxnSp macro="">
      <xdr:nvCxnSpPr>
        <xdr:cNvPr id="447" name="直線コネクタ 446">
          <a:extLst>
            <a:ext uri="{FF2B5EF4-FFF2-40B4-BE49-F238E27FC236}">
              <a16:creationId xmlns:a16="http://schemas.microsoft.com/office/drawing/2014/main" id="{B0F1098F-B930-4778-BFB5-58F0382B99FB}"/>
            </a:ext>
          </a:extLst>
        </xdr:cNvPr>
        <xdr:cNvCxnSpPr/>
      </xdr:nvCxnSpPr>
      <xdr:spPr>
        <a:xfrm flipV="1">
          <a:off x="11282680" y="6625590"/>
          <a:ext cx="789940" cy="26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4947</xdr:rowOff>
    </xdr:from>
    <xdr:ext cx="405111" cy="259045"/>
    <xdr:sp macro="" textlink="">
      <xdr:nvSpPr>
        <xdr:cNvPr id="448" name="n_1aveValue【一般廃棄物処理施設】&#10;有形固定資産減価償却率">
          <a:extLst>
            <a:ext uri="{FF2B5EF4-FFF2-40B4-BE49-F238E27FC236}">
              <a16:creationId xmlns:a16="http://schemas.microsoft.com/office/drawing/2014/main" id="{B573E29D-7BF4-4E53-B7D4-47A40638B36E}"/>
            </a:ext>
          </a:extLst>
        </xdr:cNvPr>
        <xdr:cNvSpPr txBox="1"/>
      </xdr:nvSpPr>
      <xdr:spPr>
        <a:xfrm>
          <a:off x="13437244" y="627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74947</xdr:rowOff>
    </xdr:from>
    <xdr:ext cx="405111" cy="259045"/>
    <xdr:sp macro="" textlink="">
      <xdr:nvSpPr>
        <xdr:cNvPr id="449" name="n_2aveValue【一般廃棄物処理施設】&#10;有形固定資産減価償却率">
          <a:extLst>
            <a:ext uri="{FF2B5EF4-FFF2-40B4-BE49-F238E27FC236}">
              <a16:creationId xmlns:a16="http://schemas.microsoft.com/office/drawing/2014/main" id="{A694E491-E359-45AA-B4C1-690A3038D133}"/>
            </a:ext>
          </a:extLst>
        </xdr:cNvPr>
        <xdr:cNvSpPr txBox="1"/>
      </xdr:nvSpPr>
      <xdr:spPr>
        <a:xfrm>
          <a:off x="12675244" y="627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55353</xdr:rowOff>
    </xdr:from>
    <xdr:ext cx="405111" cy="259045"/>
    <xdr:sp macro="" textlink="">
      <xdr:nvSpPr>
        <xdr:cNvPr id="450" name="n_3aveValue【一般廃棄物処理施設】&#10;有形固定資産減価償却率">
          <a:extLst>
            <a:ext uri="{FF2B5EF4-FFF2-40B4-BE49-F238E27FC236}">
              <a16:creationId xmlns:a16="http://schemas.microsoft.com/office/drawing/2014/main" id="{22BF440D-1F1D-4012-AD47-C2C4AF639F06}"/>
            </a:ext>
          </a:extLst>
        </xdr:cNvPr>
        <xdr:cNvSpPr txBox="1"/>
      </xdr:nvSpPr>
      <xdr:spPr>
        <a:xfrm>
          <a:off x="11900544" y="6258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48821</xdr:rowOff>
    </xdr:from>
    <xdr:ext cx="405111" cy="259045"/>
    <xdr:sp macro="" textlink="">
      <xdr:nvSpPr>
        <xdr:cNvPr id="451" name="n_4aveValue【一般廃棄物処理施設】&#10;有形固定資産減価償却率">
          <a:extLst>
            <a:ext uri="{FF2B5EF4-FFF2-40B4-BE49-F238E27FC236}">
              <a16:creationId xmlns:a16="http://schemas.microsoft.com/office/drawing/2014/main" id="{B5109729-ADEA-48DB-8896-8F8F9DB9EA24}"/>
            </a:ext>
          </a:extLst>
        </xdr:cNvPr>
        <xdr:cNvSpPr txBox="1"/>
      </xdr:nvSpPr>
      <xdr:spPr>
        <a:xfrm>
          <a:off x="11102984" y="6251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7093</xdr:rowOff>
    </xdr:from>
    <xdr:ext cx="405111" cy="259045"/>
    <xdr:sp macro="" textlink="">
      <xdr:nvSpPr>
        <xdr:cNvPr id="452" name="n_1mainValue【一般廃棄物処理施設】&#10;有形固定資産減価償却率">
          <a:extLst>
            <a:ext uri="{FF2B5EF4-FFF2-40B4-BE49-F238E27FC236}">
              <a16:creationId xmlns:a16="http://schemas.microsoft.com/office/drawing/2014/main" id="{6840CB98-DCD9-442F-B9DE-AFD28195308A}"/>
            </a:ext>
          </a:extLst>
        </xdr:cNvPr>
        <xdr:cNvSpPr txBox="1"/>
      </xdr:nvSpPr>
      <xdr:spPr>
        <a:xfrm>
          <a:off x="13437244" y="6712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54050</xdr:rowOff>
    </xdr:from>
    <xdr:ext cx="405111" cy="259045"/>
    <xdr:sp macro="" textlink="">
      <xdr:nvSpPr>
        <xdr:cNvPr id="453" name="n_2mainValue【一般廃棄物処理施設】&#10;有形固定資産減価償却率">
          <a:extLst>
            <a:ext uri="{FF2B5EF4-FFF2-40B4-BE49-F238E27FC236}">
              <a16:creationId xmlns:a16="http://schemas.microsoft.com/office/drawing/2014/main" id="{68C5CA62-7CDA-4469-B4F6-C95E5FCEA20C}"/>
            </a:ext>
          </a:extLst>
        </xdr:cNvPr>
        <xdr:cNvSpPr txBox="1"/>
      </xdr:nvSpPr>
      <xdr:spPr>
        <a:xfrm>
          <a:off x="12675244" y="6692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29557</xdr:rowOff>
    </xdr:from>
    <xdr:ext cx="405111" cy="259045"/>
    <xdr:sp macro="" textlink="">
      <xdr:nvSpPr>
        <xdr:cNvPr id="454" name="n_3mainValue【一般廃棄物処理施設】&#10;有形固定資産減価償却率">
          <a:extLst>
            <a:ext uri="{FF2B5EF4-FFF2-40B4-BE49-F238E27FC236}">
              <a16:creationId xmlns:a16="http://schemas.microsoft.com/office/drawing/2014/main" id="{412B5DF4-56A2-405E-87B5-ED5A9C2231DB}"/>
            </a:ext>
          </a:extLst>
        </xdr:cNvPr>
        <xdr:cNvSpPr txBox="1"/>
      </xdr:nvSpPr>
      <xdr:spPr>
        <a:xfrm>
          <a:off x="11900544" y="6667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1</xdr:row>
      <xdr:rowOff>57711</xdr:rowOff>
    </xdr:from>
    <xdr:ext cx="405111" cy="259045"/>
    <xdr:sp macro="" textlink="">
      <xdr:nvSpPr>
        <xdr:cNvPr id="455" name="n_4mainValue【一般廃棄物処理施設】&#10;有形固定資産減価償却率">
          <a:extLst>
            <a:ext uri="{FF2B5EF4-FFF2-40B4-BE49-F238E27FC236}">
              <a16:creationId xmlns:a16="http://schemas.microsoft.com/office/drawing/2014/main" id="{1552678E-7551-4558-ACD9-9CA05D33C21E}"/>
            </a:ext>
          </a:extLst>
        </xdr:cNvPr>
        <xdr:cNvSpPr txBox="1"/>
      </xdr:nvSpPr>
      <xdr:spPr>
        <a:xfrm>
          <a:off x="11102984" y="69309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6" name="正方形/長方形 455">
          <a:extLst>
            <a:ext uri="{FF2B5EF4-FFF2-40B4-BE49-F238E27FC236}">
              <a16:creationId xmlns:a16="http://schemas.microsoft.com/office/drawing/2014/main" id="{CEF06E3E-E0E0-4CDB-BB1D-6862E0DCCAC8}"/>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7" name="正方形/長方形 456">
          <a:extLst>
            <a:ext uri="{FF2B5EF4-FFF2-40B4-BE49-F238E27FC236}">
              <a16:creationId xmlns:a16="http://schemas.microsoft.com/office/drawing/2014/main" id="{009B870F-A01A-43DB-8067-96C7D3C4DBF6}"/>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8" name="正方形/長方形 457">
          <a:extLst>
            <a:ext uri="{FF2B5EF4-FFF2-40B4-BE49-F238E27FC236}">
              <a16:creationId xmlns:a16="http://schemas.microsoft.com/office/drawing/2014/main" id="{601C331D-75E3-4182-A251-0EDA03BF58A6}"/>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9" name="正方形/長方形 458">
          <a:extLst>
            <a:ext uri="{FF2B5EF4-FFF2-40B4-BE49-F238E27FC236}">
              <a16:creationId xmlns:a16="http://schemas.microsoft.com/office/drawing/2014/main" id="{A52CAC05-857F-4014-A4D8-495862C8EE8E}"/>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60" name="正方形/長方形 459">
          <a:extLst>
            <a:ext uri="{FF2B5EF4-FFF2-40B4-BE49-F238E27FC236}">
              <a16:creationId xmlns:a16="http://schemas.microsoft.com/office/drawing/2014/main" id="{CE225D46-E956-41F0-8A67-3CDD9712D393}"/>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61" name="正方形/長方形 460">
          <a:extLst>
            <a:ext uri="{FF2B5EF4-FFF2-40B4-BE49-F238E27FC236}">
              <a16:creationId xmlns:a16="http://schemas.microsoft.com/office/drawing/2014/main" id="{3F1073D9-93E1-40B5-807D-9F3EA50A6F0F}"/>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2" name="正方形/長方形 461">
          <a:extLst>
            <a:ext uri="{FF2B5EF4-FFF2-40B4-BE49-F238E27FC236}">
              <a16:creationId xmlns:a16="http://schemas.microsoft.com/office/drawing/2014/main" id="{3D46F653-ECD1-43F2-B039-B7FDA8C38635}"/>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3" name="正方形/長方形 462">
          <a:extLst>
            <a:ext uri="{FF2B5EF4-FFF2-40B4-BE49-F238E27FC236}">
              <a16:creationId xmlns:a16="http://schemas.microsoft.com/office/drawing/2014/main" id="{85003796-FF5A-4DD2-A839-37A5533C4666}"/>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4" name="テキスト ボックス 463">
          <a:extLst>
            <a:ext uri="{FF2B5EF4-FFF2-40B4-BE49-F238E27FC236}">
              <a16:creationId xmlns:a16="http://schemas.microsoft.com/office/drawing/2014/main" id="{BC3E2721-5720-4053-9C78-879196DB12CE}"/>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5" name="直線コネクタ 464">
          <a:extLst>
            <a:ext uri="{FF2B5EF4-FFF2-40B4-BE49-F238E27FC236}">
              <a16:creationId xmlns:a16="http://schemas.microsoft.com/office/drawing/2014/main" id="{4F359E9B-1EA9-42E4-86F3-838DAB9561A2}"/>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6" name="直線コネクタ 465">
          <a:extLst>
            <a:ext uri="{FF2B5EF4-FFF2-40B4-BE49-F238E27FC236}">
              <a16:creationId xmlns:a16="http://schemas.microsoft.com/office/drawing/2014/main" id="{51B440A7-8814-4155-95FD-9AAA598F908C}"/>
            </a:ext>
          </a:extLst>
        </xdr:cNvPr>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467" name="テキスト ボックス 466">
          <a:extLst>
            <a:ext uri="{FF2B5EF4-FFF2-40B4-BE49-F238E27FC236}">
              <a16:creationId xmlns:a16="http://schemas.microsoft.com/office/drawing/2014/main" id="{3147FFB5-4876-4C6A-8B9C-905367408EE1}"/>
            </a:ext>
          </a:extLst>
        </xdr:cNvPr>
        <xdr:cNvSpPr txBox="1"/>
      </xdr:nvSpPr>
      <xdr:spPr>
        <a:xfrm>
          <a:off x="15890374" y="68681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8" name="直線コネクタ 467">
          <a:extLst>
            <a:ext uri="{FF2B5EF4-FFF2-40B4-BE49-F238E27FC236}">
              <a16:creationId xmlns:a16="http://schemas.microsoft.com/office/drawing/2014/main" id="{4BD40F50-1086-490B-86AD-D13B22FA428D}"/>
            </a:ext>
          </a:extLst>
        </xdr:cNvPr>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469" name="テキスト ボックス 468">
          <a:extLst>
            <a:ext uri="{FF2B5EF4-FFF2-40B4-BE49-F238E27FC236}">
              <a16:creationId xmlns:a16="http://schemas.microsoft.com/office/drawing/2014/main" id="{C3CE4236-C1C8-408F-B499-D560ECC20F3D}"/>
            </a:ext>
          </a:extLst>
        </xdr:cNvPr>
        <xdr:cNvSpPr txBox="1"/>
      </xdr:nvSpPr>
      <xdr:spPr>
        <a:xfrm>
          <a:off x="15589461" y="641859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70" name="直線コネクタ 469">
          <a:extLst>
            <a:ext uri="{FF2B5EF4-FFF2-40B4-BE49-F238E27FC236}">
              <a16:creationId xmlns:a16="http://schemas.microsoft.com/office/drawing/2014/main" id="{9C5361A9-F560-46AF-AA4C-65942CFAC33A}"/>
            </a:ext>
          </a:extLst>
        </xdr:cNvPr>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471" name="テキスト ボックス 470">
          <a:extLst>
            <a:ext uri="{FF2B5EF4-FFF2-40B4-BE49-F238E27FC236}">
              <a16:creationId xmlns:a16="http://schemas.microsoft.com/office/drawing/2014/main" id="{D3784EF7-5F08-402A-8E8F-2EE147455278}"/>
            </a:ext>
          </a:extLst>
        </xdr:cNvPr>
        <xdr:cNvSpPr txBox="1"/>
      </xdr:nvSpPr>
      <xdr:spPr>
        <a:xfrm>
          <a:off x="15589461" y="59728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72" name="直線コネクタ 471">
          <a:extLst>
            <a:ext uri="{FF2B5EF4-FFF2-40B4-BE49-F238E27FC236}">
              <a16:creationId xmlns:a16="http://schemas.microsoft.com/office/drawing/2014/main" id="{35EB4615-D327-453E-B71C-D7F156BE01A5}"/>
            </a:ext>
          </a:extLst>
        </xdr:cNvPr>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473" name="テキスト ボックス 472">
          <a:extLst>
            <a:ext uri="{FF2B5EF4-FFF2-40B4-BE49-F238E27FC236}">
              <a16:creationId xmlns:a16="http://schemas.microsoft.com/office/drawing/2014/main" id="{78A4E531-B225-44A1-92C4-A7517CB30DA2}"/>
            </a:ext>
          </a:extLst>
        </xdr:cNvPr>
        <xdr:cNvSpPr txBox="1"/>
      </xdr:nvSpPr>
      <xdr:spPr>
        <a:xfrm>
          <a:off x="15589461" y="55270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4" name="直線コネクタ 473">
          <a:extLst>
            <a:ext uri="{FF2B5EF4-FFF2-40B4-BE49-F238E27FC236}">
              <a16:creationId xmlns:a16="http://schemas.microsoft.com/office/drawing/2014/main" id="{6C140D61-EDD8-4377-A7D3-CFC19CF06E38}"/>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75" name="テキスト ボックス 474">
          <a:extLst>
            <a:ext uri="{FF2B5EF4-FFF2-40B4-BE49-F238E27FC236}">
              <a16:creationId xmlns:a16="http://schemas.microsoft.com/office/drawing/2014/main" id="{6133F82B-44AA-4BF4-B34D-7A37C2858229}"/>
            </a:ext>
          </a:extLst>
        </xdr:cNvPr>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6" name="【一般廃棄物処理施設】&#10;一人当たり有形固定資産（償却資産）額グラフ枠">
          <a:extLst>
            <a:ext uri="{FF2B5EF4-FFF2-40B4-BE49-F238E27FC236}">
              <a16:creationId xmlns:a16="http://schemas.microsoft.com/office/drawing/2014/main" id="{06506DE0-6CA3-41C2-ABE5-79F81E91D91C}"/>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78614</xdr:rowOff>
    </xdr:from>
    <xdr:to>
      <xdr:col>116</xdr:col>
      <xdr:colOff>62864</xdr:colOff>
      <xdr:row>41</xdr:row>
      <xdr:rowOff>133272</xdr:rowOff>
    </xdr:to>
    <xdr:cxnSp macro="">
      <xdr:nvCxnSpPr>
        <xdr:cNvPr id="477" name="直線コネクタ 476">
          <a:extLst>
            <a:ext uri="{FF2B5EF4-FFF2-40B4-BE49-F238E27FC236}">
              <a16:creationId xmlns:a16="http://schemas.microsoft.com/office/drawing/2014/main" id="{B09CB3CC-E746-400F-8A82-F7EC59FDBD02}"/>
            </a:ext>
          </a:extLst>
        </xdr:cNvPr>
        <xdr:cNvCxnSpPr/>
      </xdr:nvCxnSpPr>
      <xdr:spPr>
        <a:xfrm flipV="1">
          <a:off x="19509104" y="5778374"/>
          <a:ext cx="0" cy="1228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7099</xdr:rowOff>
    </xdr:from>
    <xdr:ext cx="313932" cy="259045"/>
    <xdr:sp macro="" textlink="">
      <xdr:nvSpPr>
        <xdr:cNvPr id="478" name="【一般廃棄物処理施設】&#10;一人当たり有形固定資産（償却資産）額最小値テキスト">
          <a:extLst>
            <a:ext uri="{FF2B5EF4-FFF2-40B4-BE49-F238E27FC236}">
              <a16:creationId xmlns:a16="http://schemas.microsoft.com/office/drawing/2014/main" id="{BB10099B-5A50-4F3B-8B8D-6BFDFE00736C}"/>
            </a:ext>
          </a:extLst>
        </xdr:cNvPr>
        <xdr:cNvSpPr txBox="1"/>
      </xdr:nvSpPr>
      <xdr:spPr>
        <a:xfrm>
          <a:off x="19547840" y="701033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3272</xdr:rowOff>
    </xdr:from>
    <xdr:to>
      <xdr:col>116</xdr:col>
      <xdr:colOff>152400</xdr:colOff>
      <xdr:row>41</xdr:row>
      <xdr:rowOff>133272</xdr:rowOff>
    </xdr:to>
    <xdr:cxnSp macro="">
      <xdr:nvCxnSpPr>
        <xdr:cNvPr id="479" name="直線コネクタ 478">
          <a:extLst>
            <a:ext uri="{FF2B5EF4-FFF2-40B4-BE49-F238E27FC236}">
              <a16:creationId xmlns:a16="http://schemas.microsoft.com/office/drawing/2014/main" id="{CCE09CED-2B5B-42F9-B143-B2CE8713AAF7}"/>
            </a:ext>
          </a:extLst>
        </xdr:cNvPr>
        <xdr:cNvCxnSpPr/>
      </xdr:nvCxnSpPr>
      <xdr:spPr>
        <a:xfrm>
          <a:off x="19443700" y="700651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25291</xdr:rowOff>
    </xdr:from>
    <xdr:ext cx="599010" cy="259045"/>
    <xdr:sp macro="" textlink="">
      <xdr:nvSpPr>
        <xdr:cNvPr id="480" name="【一般廃棄物処理施設】&#10;一人当たり有形固定資産（償却資産）額最大値テキスト">
          <a:extLst>
            <a:ext uri="{FF2B5EF4-FFF2-40B4-BE49-F238E27FC236}">
              <a16:creationId xmlns:a16="http://schemas.microsoft.com/office/drawing/2014/main" id="{614F812B-A6F7-4383-A5C7-185804016973}"/>
            </a:ext>
          </a:extLst>
        </xdr:cNvPr>
        <xdr:cNvSpPr txBox="1"/>
      </xdr:nvSpPr>
      <xdr:spPr>
        <a:xfrm>
          <a:off x="19547840" y="55574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78614</xdr:rowOff>
    </xdr:from>
    <xdr:to>
      <xdr:col>116</xdr:col>
      <xdr:colOff>152400</xdr:colOff>
      <xdr:row>34</xdr:row>
      <xdr:rowOff>78614</xdr:rowOff>
    </xdr:to>
    <xdr:cxnSp macro="">
      <xdr:nvCxnSpPr>
        <xdr:cNvPr id="481" name="直線コネクタ 480">
          <a:extLst>
            <a:ext uri="{FF2B5EF4-FFF2-40B4-BE49-F238E27FC236}">
              <a16:creationId xmlns:a16="http://schemas.microsoft.com/office/drawing/2014/main" id="{8229AEEB-1A29-48E1-B7E1-78C2747D3666}"/>
            </a:ext>
          </a:extLst>
        </xdr:cNvPr>
        <xdr:cNvCxnSpPr/>
      </xdr:nvCxnSpPr>
      <xdr:spPr>
        <a:xfrm>
          <a:off x="19443700" y="57783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67374</xdr:rowOff>
    </xdr:from>
    <xdr:ext cx="534377" cy="259045"/>
    <xdr:sp macro="" textlink="">
      <xdr:nvSpPr>
        <xdr:cNvPr id="482" name="【一般廃棄物処理施設】&#10;一人当たり有形固定資産（償却資産）額平均値テキスト">
          <a:extLst>
            <a:ext uri="{FF2B5EF4-FFF2-40B4-BE49-F238E27FC236}">
              <a16:creationId xmlns:a16="http://schemas.microsoft.com/office/drawing/2014/main" id="{9EFFD47B-1859-4379-A87D-BF115D1BF5E7}"/>
            </a:ext>
          </a:extLst>
        </xdr:cNvPr>
        <xdr:cNvSpPr txBox="1"/>
      </xdr:nvSpPr>
      <xdr:spPr>
        <a:xfrm>
          <a:off x="19547840" y="64376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4497</xdr:rowOff>
    </xdr:from>
    <xdr:to>
      <xdr:col>116</xdr:col>
      <xdr:colOff>114300</xdr:colOff>
      <xdr:row>39</xdr:row>
      <xdr:rowOff>146097</xdr:rowOff>
    </xdr:to>
    <xdr:sp macro="" textlink="">
      <xdr:nvSpPr>
        <xdr:cNvPr id="483" name="フローチャート: 判断 482">
          <a:extLst>
            <a:ext uri="{FF2B5EF4-FFF2-40B4-BE49-F238E27FC236}">
              <a16:creationId xmlns:a16="http://schemas.microsoft.com/office/drawing/2014/main" id="{0F27C457-6C10-49F8-B60C-B9FB80DD12BE}"/>
            </a:ext>
          </a:extLst>
        </xdr:cNvPr>
        <xdr:cNvSpPr/>
      </xdr:nvSpPr>
      <xdr:spPr>
        <a:xfrm>
          <a:off x="19458940" y="6582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75180</xdr:rowOff>
    </xdr:from>
    <xdr:to>
      <xdr:col>112</xdr:col>
      <xdr:colOff>38100</xdr:colOff>
      <xdr:row>40</xdr:row>
      <xdr:rowOff>5330</xdr:rowOff>
    </xdr:to>
    <xdr:sp macro="" textlink="">
      <xdr:nvSpPr>
        <xdr:cNvPr id="484" name="フローチャート: 判断 483">
          <a:extLst>
            <a:ext uri="{FF2B5EF4-FFF2-40B4-BE49-F238E27FC236}">
              <a16:creationId xmlns:a16="http://schemas.microsoft.com/office/drawing/2014/main" id="{F79757A6-5221-4140-BA72-4E2459C87151}"/>
            </a:ext>
          </a:extLst>
        </xdr:cNvPr>
        <xdr:cNvSpPr/>
      </xdr:nvSpPr>
      <xdr:spPr>
        <a:xfrm>
          <a:off x="18735040" y="661314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2373</xdr:rowOff>
    </xdr:from>
    <xdr:to>
      <xdr:col>107</xdr:col>
      <xdr:colOff>101600</xdr:colOff>
      <xdr:row>40</xdr:row>
      <xdr:rowOff>2523</xdr:rowOff>
    </xdr:to>
    <xdr:sp macro="" textlink="">
      <xdr:nvSpPr>
        <xdr:cNvPr id="485" name="フローチャート: 判断 484">
          <a:extLst>
            <a:ext uri="{FF2B5EF4-FFF2-40B4-BE49-F238E27FC236}">
              <a16:creationId xmlns:a16="http://schemas.microsoft.com/office/drawing/2014/main" id="{CF8AF1CA-DB9B-44C6-A1F9-65CF9010FE86}"/>
            </a:ext>
          </a:extLst>
        </xdr:cNvPr>
        <xdr:cNvSpPr/>
      </xdr:nvSpPr>
      <xdr:spPr>
        <a:xfrm>
          <a:off x="17937480" y="661033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5850</xdr:rowOff>
    </xdr:from>
    <xdr:to>
      <xdr:col>102</xdr:col>
      <xdr:colOff>165100</xdr:colOff>
      <xdr:row>40</xdr:row>
      <xdr:rowOff>26000</xdr:rowOff>
    </xdr:to>
    <xdr:sp macro="" textlink="">
      <xdr:nvSpPr>
        <xdr:cNvPr id="486" name="フローチャート: 判断 485">
          <a:extLst>
            <a:ext uri="{FF2B5EF4-FFF2-40B4-BE49-F238E27FC236}">
              <a16:creationId xmlns:a16="http://schemas.microsoft.com/office/drawing/2014/main" id="{C832F4EA-E6A7-4EB3-9EAA-78951C5DA80B}"/>
            </a:ext>
          </a:extLst>
        </xdr:cNvPr>
        <xdr:cNvSpPr/>
      </xdr:nvSpPr>
      <xdr:spPr>
        <a:xfrm>
          <a:off x="17162780" y="66338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99786</xdr:rowOff>
    </xdr:from>
    <xdr:to>
      <xdr:col>98</xdr:col>
      <xdr:colOff>38100</xdr:colOff>
      <xdr:row>40</xdr:row>
      <xdr:rowOff>29936</xdr:rowOff>
    </xdr:to>
    <xdr:sp macro="" textlink="">
      <xdr:nvSpPr>
        <xdr:cNvPr id="487" name="フローチャート: 判断 486">
          <a:extLst>
            <a:ext uri="{FF2B5EF4-FFF2-40B4-BE49-F238E27FC236}">
              <a16:creationId xmlns:a16="http://schemas.microsoft.com/office/drawing/2014/main" id="{44303146-7A37-4D04-8153-284919014AEF}"/>
            </a:ext>
          </a:extLst>
        </xdr:cNvPr>
        <xdr:cNvSpPr/>
      </xdr:nvSpPr>
      <xdr:spPr>
        <a:xfrm>
          <a:off x="16388080" y="663774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D8A9343D-FBBE-4BFF-9B72-C5E751CDF226}"/>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id="{57281B57-ADBA-46C6-A527-99BADF23B5B4}"/>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id="{D0149C07-B2B6-4079-ADDF-36106364B407}"/>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id="{BBC04EFD-CFDF-49CC-8A76-33090FB6A5E6}"/>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2" name="テキスト ボックス 491">
          <a:extLst>
            <a:ext uri="{FF2B5EF4-FFF2-40B4-BE49-F238E27FC236}">
              <a16:creationId xmlns:a16="http://schemas.microsoft.com/office/drawing/2014/main" id="{40316EB5-257D-4051-A8A5-4DA0E593D1FE}"/>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38316</xdr:rowOff>
    </xdr:from>
    <xdr:to>
      <xdr:col>116</xdr:col>
      <xdr:colOff>114300</xdr:colOff>
      <xdr:row>40</xdr:row>
      <xdr:rowOff>139916</xdr:rowOff>
    </xdr:to>
    <xdr:sp macro="" textlink="">
      <xdr:nvSpPr>
        <xdr:cNvPr id="493" name="楕円 492">
          <a:extLst>
            <a:ext uri="{FF2B5EF4-FFF2-40B4-BE49-F238E27FC236}">
              <a16:creationId xmlns:a16="http://schemas.microsoft.com/office/drawing/2014/main" id="{C447E52F-7699-4383-AF90-C3000C58C4C8}"/>
            </a:ext>
          </a:extLst>
        </xdr:cNvPr>
        <xdr:cNvSpPr/>
      </xdr:nvSpPr>
      <xdr:spPr>
        <a:xfrm>
          <a:off x="19458940" y="6743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6743</xdr:rowOff>
    </xdr:from>
    <xdr:ext cx="534377" cy="259045"/>
    <xdr:sp macro="" textlink="">
      <xdr:nvSpPr>
        <xdr:cNvPr id="494" name="【一般廃棄物処理施設】&#10;一人当たり有形固定資産（償却資産）額該当値テキスト">
          <a:extLst>
            <a:ext uri="{FF2B5EF4-FFF2-40B4-BE49-F238E27FC236}">
              <a16:creationId xmlns:a16="http://schemas.microsoft.com/office/drawing/2014/main" id="{8186EF50-32C6-41C8-9C4E-9B010471FB33}"/>
            </a:ext>
          </a:extLst>
        </xdr:cNvPr>
        <xdr:cNvSpPr txBox="1"/>
      </xdr:nvSpPr>
      <xdr:spPr>
        <a:xfrm>
          <a:off x="19547840" y="6722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40291</xdr:rowOff>
    </xdr:from>
    <xdr:to>
      <xdr:col>112</xdr:col>
      <xdr:colOff>38100</xdr:colOff>
      <xdr:row>40</xdr:row>
      <xdr:rowOff>141891</xdr:rowOff>
    </xdr:to>
    <xdr:sp macro="" textlink="">
      <xdr:nvSpPr>
        <xdr:cNvPr id="495" name="楕円 494">
          <a:extLst>
            <a:ext uri="{FF2B5EF4-FFF2-40B4-BE49-F238E27FC236}">
              <a16:creationId xmlns:a16="http://schemas.microsoft.com/office/drawing/2014/main" id="{299891B2-8F93-4E4D-B3F8-386BE783542E}"/>
            </a:ext>
          </a:extLst>
        </xdr:cNvPr>
        <xdr:cNvSpPr/>
      </xdr:nvSpPr>
      <xdr:spPr>
        <a:xfrm>
          <a:off x="18735040" y="674589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89116</xdr:rowOff>
    </xdr:from>
    <xdr:to>
      <xdr:col>116</xdr:col>
      <xdr:colOff>63500</xdr:colOff>
      <xdr:row>40</xdr:row>
      <xdr:rowOff>91091</xdr:rowOff>
    </xdr:to>
    <xdr:cxnSp macro="">
      <xdr:nvCxnSpPr>
        <xdr:cNvPr id="496" name="直線コネクタ 495">
          <a:extLst>
            <a:ext uri="{FF2B5EF4-FFF2-40B4-BE49-F238E27FC236}">
              <a16:creationId xmlns:a16="http://schemas.microsoft.com/office/drawing/2014/main" id="{B9AFE4CE-7AFF-42A7-B5C0-1F0417B8DDD5}"/>
            </a:ext>
          </a:extLst>
        </xdr:cNvPr>
        <xdr:cNvCxnSpPr/>
      </xdr:nvCxnSpPr>
      <xdr:spPr>
        <a:xfrm flipV="1">
          <a:off x="18778220" y="6794716"/>
          <a:ext cx="731520" cy="1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41333</xdr:rowOff>
    </xdr:from>
    <xdr:to>
      <xdr:col>107</xdr:col>
      <xdr:colOff>101600</xdr:colOff>
      <xdr:row>40</xdr:row>
      <xdr:rowOff>142933</xdr:rowOff>
    </xdr:to>
    <xdr:sp macro="" textlink="">
      <xdr:nvSpPr>
        <xdr:cNvPr id="497" name="楕円 496">
          <a:extLst>
            <a:ext uri="{FF2B5EF4-FFF2-40B4-BE49-F238E27FC236}">
              <a16:creationId xmlns:a16="http://schemas.microsoft.com/office/drawing/2014/main" id="{3F958D84-D9A1-464F-95BB-6EFC0AD5B94C}"/>
            </a:ext>
          </a:extLst>
        </xdr:cNvPr>
        <xdr:cNvSpPr/>
      </xdr:nvSpPr>
      <xdr:spPr>
        <a:xfrm>
          <a:off x="17937480" y="6746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91091</xdr:rowOff>
    </xdr:from>
    <xdr:to>
      <xdr:col>111</xdr:col>
      <xdr:colOff>177800</xdr:colOff>
      <xdr:row>40</xdr:row>
      <xdr:rowOff>92133</xdr:rowOff>
    </xdr:to>
    <xdr:cxnSp macro="">
      <xdr:nvCxnSpPr>
        <xdr:cNvPr id="498" name="直線コネクタ 497">
          <a:extLst>
            <a:ext uri="{FF2B5EF4-FFF2-40B4-BE49-F238E27FC236}">
              <a16:creationId xmlns:a16="http://schemas.microsoft.com/office/drawing/2014/main" id="{66B90B2C-75CA-41BC-AF36-20088C19C495}"/>
            </a:ext>
          </a:extLst>
        </xdr:cNvPr>
        <xdr:cNvCxnSpPr/>
      </xdr:nvCxnSpPr>
      <xdr:spPr>
        <a:xfrm flipV="1">
          <a:off x="17988280" y="6796691"/>
          <a:ext cx="789940" cy="1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43016</xdr:rowOff>
    </xdr:from>
    <xdr:to>
      <xdr:col>102</xdr:col>
      <xdr:colOff>165100</xdr:colOff>
      <xdr:row>40</xdr:row>
      <xdr:rowOff>144616</xdr:rowOff>
    </xdr:to>
    <xdr:sp macro="" textlink="">
      <xdr:nvSpPr>
        <xdr:cNvPr id="499" name="楕円 498">
          <a:extLst>
            <a:ext uri="{FF2B5EF4-FFF2-40B4-BE49-F238E27FC236}">
              <a16:creationId xmlns:a16="http://schemas.microsoft.com/office/drawing/2014/main" id="{E20DF735-4883-47B2-997A-300B4477439C}"/>
            </a:ext>
          </a:extLst>
        </xdr:cNvPr>
        <xdr:cNvSpPr/>
      </xdr:nvSpPr>
      <xdr:spPr>
        <a:xfrm>
          <a:off x="17162780" y="6748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92133</xdr:rowOff>
    </xdr:from>
    <xdr:to>
      <xdr:col>107</xdr:col>
      <xdr:colOff>50800</xdr:colOff>
      <xdr:row>40</xdr:row>
      <xdr:rowOff>93816</xdr:rowOff>
    </xdr:to>
    <xdr:cxnSp macro="">
      <xdr:nvCxnSpPr>
        <xdr:cNvPr id="500" name="直線コネクタ 499">
          <a:extLst>
            <a:ext uri="{FF2B5EF4-FFF2-40B4-BE49-F238E27FC236}">
              <a16:creationId xmlns:a16="http://schemas.microsoft.com/office/drawing/2014/main" id="{6BF573FF-30D3-4186-BBCB-05B99445BDF0}"/>
            </a:ext>
          </a:extLst>
        </xdr:cNvPr>
        <xdr:cNvCxnSpPr/>
      </xdr:nvCxnSpPr>
      <xdr:spPr>
        <a:xfrm flipV="1">
          <a:off x="17213580" y="6797733"/>
          <a:ext cx="774700" cy="1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68773</xdr:rowOff>
    </xdr:from>
    <xdr:to>
      <xdr:col>98</xdr:col>
      <xdr:colOff>38100</xdr:colOff>
      <xdr:row>40</xdr:row>
      <xdr:rowOff>98923</xdr:rowOff>
    </xdr:to>
    <xdr:sp macro="" textlink="">
      <xdr:nvSpPr>
        <xdr:cNvPr id="501" name="楕円 500">
          <a:extLst>
            <a:ext uri="{FF2B5EF4-FFF2-40B4-BE49-F238E27FC236}">
              <a16:creationId xmlns:a16="http://schemas.microsoft.com/office/drawing/2014/main" id="{A14049EB-86E0-419C-A958-36FD9934C036}"/>
            </a:ext>
          </a:extLst>
        </xdr:cNvPr>
        <xdr:cNvSpPr/>
      </xdr:nvSpPr>
      <xdr:spPr>
        <a:xfrm>
          <a:off x="16388080" y="670673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48123</xdr:rowOff>
    </xdr:from>
    <xdr:to>
      <xdr:col>102</xdr:col>
      <xdr:colOff>114300</xdr:colOff>
      <xdr:row>40</xdr:row>
      <xdr:rowOff>93816</xdr:rowOff>
    </xdr:to>
    <xdr:cxnSp macro="">
      <xdr:nvCxnSpPr>
        <xdr:cNvPr id="502" name="直線コネクタ 501">
          <a:extLst>
            <a:ext uri="{FF2B5EF4-FFF2-40B4-BE49-F238E27FC236}">
              <a16:creationId xmlns:a16="http://schemas.microsoft.com/office/drawing/2014/main" id="{B82FFAF6-7E18-462F-87D1-B358E26C1191}"/>
            </a:ext>
          </a:extLst>
        </xdr:cNvPr>
        <xdr:cNvCxnSpPr/>
      </xdr:nvCxnSpPr>
      <xdr:spPr>
        <a:xfrm>
          <a:off x="16431260" y="6753723"/>
          <a:ext cx="782320" cy="45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21857</xdr:rowOff>
    </xdr:from>
    <xdr:ext cx="534377" cy="259045"/>
    <xdr:sp macro="" textlink="">
      <xdr:nvSpPr>
        <xdr:cNvPr id="503" name="n_1aveValue【一般廃棄物処理施設】&#10;一人当たり有形固定資産（償却資産）額">
          <a:extLst>
            <a:ext uri="{FF2B5EF4-FFF2-40B4-BE49-F238E27FC236}">
              <a16:creationId xmlns:a16="http://schemas.microsoft.com/office/drawing/2014/main" id="{77AD0869-8034-4C61-B385-A8B795F9A96D}"/>
            </a:ext>
          </a:extLst>
        </xdr:cNvPr>
        <xdr:cNvSpPr txBox="1"/>
      </xdr:nvSpPr>
      <xdr:spPr>
        <a:xfrm>
          <a:off x="18528811" y="6392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9050</xdr:rowOff>
    </xdr:from>
    <xdr:ext cx="534377" cy="259045"/>
    <xdr:sp macro="" textlink="">
      <xdr:nvSpPr>
        <xdr:cNvPr id="504" name="n_2aveValue【一般廃棄物処理施設】&#10;一人当たり有形固定資産（償却資産）額">
          <a:extLst>
            <a:ext uri="{FF2B5EF4-FFF2-40B4-BE49-F238E27FC236}">
              <a16:creationId xmlns:a16="http://schemas.microsoft.com/office/drawing/2014/main" id="{B8863061-C05A-4B88-B70F-16824334D53C}"/>
            </a:ext>
          </a:extLst>
        </xdr:cNvPr>
        <xdr:cNvSpPr txBox="1"/>
      </xdr:nvSpPr>
      <xdr:spPr>
        <a:xfrm>
          <a:off x="17766811" y="6389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42527</xdr:rowOff>
    </xdr:from>
    <xdr:ext cx="534377" cy="259045"/>
    <xdr:sp macro="" textlink="">
      <xdr:nvSpPr>
        <xdr:cNvPr id="505" name="n_3aveValue【一般廃棄物処理施設】&#10;一人当たり有形固定資産（償却資産）額">
          <a:extLst>
            <a:ext uri="{FF2B5EF4-FFF2-40B4-BE49-F238E27FC236}">
              <a16:creationId xmlns:a16="http://schemas.microsoft.com/office/drawing/2014/main" id="{0434004A-602E-4603-A326-63740D0E7026}"/>
            </a:ext>
          </a:extLst>
        </xdr:cNvPr>
        <xdr:cNvSpPr txBox="1"/>
      </xdr:nvSpPr>
      <xdr:spPr>
        <a:xfrm>
          <a:off x="16969251" y="6412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46463</xdr:rowOff>
    </xdr:from>
    <xdr:ext cx="534377" cy="259045"/>
    <xdr:sp macro="" textlink="">
      <xdr:nvSpPr>
        <xdr:cNvPr id="506" name="n_4aveValue【一般廃棄物処理施設】&#10;一人当たり有形固定資産（償却資産）額">
          <a:extLst>
            <a:ext uri="{FF2B5EF4-FFF2-40B4-BE49-F238E27FC236}">
              <a16:creationId xmlns:a16="http://schemas.microsoft.com/office/drawing/2014/main" id="{8382D39A-D6B2-4E71-91AD-A7F22A6435C2}"/>
            </a:ext>
          </a:extLst>
        </xdr:cNvPr>
        <xdr:cNvSpPr txBox="1"/>
      </xdr:nvSpPr>
      <xdr:spPr>
        <a:xfrm>
          <a:off x="16194551" y="6416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0</xdr:row>
      <xdr:rowOff>133018</xdr:rowOff>
    </xdr:from>
    <xdr:ext cx="534377" cy="259045"/>
    <xdr:sp macro="" textlink="">
      <xdr:nvSpPr>
        <xdr:cNvPr id="507" name="n_1mainValue【一般廃棄物処理施設】&#10;一人当たり有形固定資産（償却資産）額">
          <a:extLst>
            <a:ext uri="{FF2B5EF4-FFF2-40B4-BE49-F238E27FC236}">
              <a16:creationId xmlns:a16="http://schemas.microsoft.com/office/drawing/2014/main" id="{740CDBFE-6B63-42A5-BEC0-677F6FE4FAE9}"/>
            </a:ext>
          </a:extLst>
        </xdr:cNvPr>
        <xdr:cNvSpPr txBox="1"/>
      </xdr:nvSpPr>
      <xdr:spPr>
        <a:xfrm>
          <a:off x="18528811" y="6838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134060</xdr:rowOff>
    </xdr:from>
    <xdr:ext cx="534377" cy="259045"/>
    <xdr:sp macro="" textlink="">
      <xdr:nvSpPr>
        <xdr:cNvPr id="508" name="n_2mainValue【一般廃棄物処理施設】&#10;一人当たり有形固定資産（償却資産）額">
          <a:extLst>
            <a:ext uri="{FF2B5EF4-FFF2-40B4-BE49-F238E27FC236}">
              <a16:creationId xmlns:a16="http://schemas.microsoft.com/office/drawing/2014/main" id="{7D079C3F-CC7A-43F3-B71A-F9136134F6CE}"/>
            </a:ext>
          </a:extLst>
        </xdr:cNvPr>
        <xdr:cNvSpPr txBox="1"/>
      </xdr:nvSpPr>
      <xdr:spPr>
        <a:xfrm>
          <a:off x="17766811" y="6839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135743</xdr:rowOff>
    </xdr:from>
    <xdr:ext cx="534377" cy="259045"/>
    <xdr:sp macro="" textlink="">
      <xdr:nvSpPr>
        <xdr:cNvPr id="509" name="n_3mainValue【一般廃棄物処理施設】&#10;一人当たり有形固定資産（償却資産）額">
          <a:extLst>
            <a:ext uri="{FF2B5EF4-FFF2-40B4-BE49-F238E27FC236}">
              <a16:creationId xmlns:a16="http://schemas.microsoft.com/office/drawing/2014/main" id="{C605CFB5-A2F5-4B3C-B464-9D48E2402346}"/>
            </a:ext>
          </a:extLst>
        </xdr:cNvPr>
        <xdr:cNvSpPr txBox="1"/>
      </xdr:nvSpPr>
      <xdr:spPr>
        <a:xfrm>
          <a:off x="16969251" y="6841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90050</xdr:rowOff>
    </xdr:from>
    <xdr:ext cx="534377" cy="259045"/>
    <xdr:sp macro="" textlink="">
      <xdr:nvSpPr>
        <xdr:cNvPr id="510" name="n_4mainValue【一般廃棄物処理施設】&#10;一人当たり有形固定資産（償却資産）額">
          <a:extLst>
            <a:ext uri="{FF2B5EF4-FFF2-40B4-BE49-F238E27FC236}">
              <a16:creationId xmlns:a16="http://schemas.microsoft.com/office/drawing/2014/main" id="{487C6E7E-D7F2-45CE-B25A-A88CA79EB9A3}"/>
            </a:ext>
          </a:extLst>
        </xdr:cNvPr>
        <xdr:cNvSpPr txBox="1"/>
      </xdr:nvSpPr>
      <xdr:spPr>
        <a:xfrm>
          <a:off x="16194551" y="6795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1" name="正方形/長方形 510">
          <a:extLst>
            <a:ext uri="{FF2B5EF4-FFF2-40B4-BE49-F238E27FC236}">
              <a16:creationId xmlns:a16="http://schemas.microsoft.com/office/drawing/2014/main" id="{9674421E-B841-4E17-BCF9-CC1C04C1D13A}"/>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2" name="正方形/長方形 511">
          <a:extLst>
            <a:ext uri="{FF2B5EF4-FFF2-40B4-BE49-F238E27FC236}">
              <a16:creationId xmlns:a16="http://schemas.microsoft.com/office/drawing/2014/main" id="{871BE706-0ABB-4AA8-A180-7EA3885FCED8}"/>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3" name="正方形/長方形 512">
          <a:extLst>
            <a:ext uri="{FF2B5EF4-FFF2-40B4-BE49-F238E27FC236}">
              <a16:creationId xmlns:a16="http://schemas.microsoft.com/office/drawing/2014/main" id="{897A1CAA-44F8-4620-BD87-E7835A77BA91}"/>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4" name="正方形/長方形 513">
          <a:extLst>
            <a:ext uri="{FF2B5EF4-FFF2-40B4-BE49-F238E27FC236}">
              <a16:creationId xmlns:a16="http://schemas.microsoft.com/office/drawing/2014/main" id="{567EB924-EDAD-4163-B513-35F93C240E7B}"/>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5" name="正方形/長方形 514">
          <a:extLst>
            <a:ext uri="{FF2B5EF4-FFF2-40B4-BE49-F238E27FC236}">
              <a16:creationId xmlns:a16="http://schemas.microsoft.com/office/drawing/2014/main" id="{4CE56954-73E1-4761-99D8-F15827077978}"/>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6" name="正方形/長方形 515">
          <a:extLst>
            <a:ext uri="{FF2B5EF4-FFF2-40B4-BE49-F238E27FC236}">
              <a16:creationId xmlns:a16="http://schemas.microsoft.com/office/drawing/2014/main" id="{F0C178B6-C2B2-40EA-BDA0-20253BDEF631}"/>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7" name="正方形/長方形 516">
          <a:extLst>
            <a:ext uri="{FF2B5EF4-FFF2-40B4-BE49-F238E27FC236}">
              <a16:creationId xmlns:a16="http://schemas.microsoft.com/office/drawing/2014/main" id="{F0DF0E8E-FE29-4D44-8C28-B914EF6BD961}"/>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8" name="正方形/長方形 517">
          <a:extLst>
            <a:ext uri="{FF2B5EF4-FFF2-40B4-BE49-F238E27FC236}">
              <a16:creationId xmlns:a16="http://schemas.microsoft.com/office/drawing/2014/main" id="{2D09CD9A-F219-468C-A517-43EC85002E3F}"/>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9" name="テキスト ボックス 518">
          <a:extLst>
            <a:ext uri="{FF2B5EF4-FFF2-40B4-BE49-F238E27FC236}">
              <a16:creationId xmlns:a16="http://schemas.microsoft.com/office/drawing/2014/main" id="{FD73B9C7-20D9-4C54-A244-0CC451D09892}"/>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0" name="直線コネクタ 519">
          <a:extLst>
            <a:ext uri="{FF2B5EF4-FFF2-40B4-BE49-F238E27FC236}">
              <a16:creationId xmlns:a16="http://schemas.microsoft.com/office/drawing/2014/main" id="{FCD077AB-C90E-4D03-B840-B546DC15845F}"/>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1" name="テキスト ボックス 520">
          <a:extLst>
            <a:ext uri="{FF2B5EF4-FFF2-40B4-BE49-F238E27FC236}">
              <a16:creationId xmlns:a16="http://schemas.microsoft.com/office/drawing/2014/main" id="{34693304-EFBA-4489-A75F-8A34649B6D51}"/>
            </a:ext>
          </a:extLst>
        </xdr:cNvPr>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22" name="直線コネクタ 521">
          <a:extLst>
            <a:ext uri="{FF2B5EF4-FFF2-40B4-BE49-F238E27FC236}">
              <a16:creationId xmlns:a16="http://schemas.microsoft.com/office/drawing/2014/main" id="{962B6CA8-BA7F-4F49-A91B-C285E50CA7B5}"/>
            </a:ext>
          </a:extLst>
        </xdr:cNvPr>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23" name="テキスト ボックス 522">
          <a:extLst>
            <a:ext uri="{FF2B5EF4-FFF2-40B4-BE49-F238E27FC236}">
              <a16:creationId xmlns:a16="http://schemas.microsoft.com/office/drawing/2014/main" id="{C27B794B-6CD9-44C8-B81E-378C4AD746B6}"/>
            </a:ext>
          </a:extLst>
        </xdr:cNvPr>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24" name="直線コネクタ 523">
          <a:extLst>
            <a:ext uri="{FF2B5EF4-FFF2-40B4-BE49-F238E27FC236}">
              <a16:creationId xmlns:a16="http://schemas.microsoft.com/office/drawing/2014/main" id="{8B0A7666-95D2-4E1B-8AD7-E55B2B47B302}"/>
            </a:ext>
          </a:extLst>
        </xdr:cNvPr>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25" name="テキスト ボックス 524">
          <a:extLst>
            <a:ext uri="{FF2B5EF4-FFF2-40B4-BE49-F238E27FC236}">
              <a16:creationId xmlns:a16="http://schemas.microsoft.com/office/drawing/2014/main" id="{68BEA735-FA9B-4ED8-B9F0-CAA9B0EC93F0}"/>
            </a:ext>
          </a:extLst>
        </xdr:cNvPr>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6" name="直線コネクタ 525">
          <a:extLst>
            <a:ext uri="{FF2B5EF4-FFF2-40B4-BE49-F238E27FC236}">
              <a16:creationId xmlns:a16="http://schemas.microsoft.com/office/drawing/2014/main" id="{7BF01923-0BD2-4EAE-8117-30780308CAFC}"/>
            </a:ext>
          </a:extLst>
        </xdr:cNvPr>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7" name="テキスト ボックス 526">
          <a:extLst>
            <a:ext uri="{FF2B5EF4-FFF2-40B4-BE49-F238E27FC236}">
              <a16:creationId xmlns:a16="http://schemas.microsoft.com/office/drawing/2014/main" id="{3D87BBC2-4161-4F37-8CF9-D375F535D92A}"/>
            </a:ext>
          </a:extLst>
        </xdr:cNvPr>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8" name="直線コネクタ 527">
          <a:extLst>
            <a:ext uri="{FF2B5EF4-FFF2-40B4-BE49-F238E27FC236}">
              <a16:creationId xmlns:a16="http://schemas.microsoft.com/office/drawing/2014/main" id="{02715709-90E3-4264-873B-7C64EC7F9156}"/>
            </a:ext>
          </a:extLst>
        </xdr:cNvPr>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9" name="テキスト ボックス 528">
          <a:extLst>
            <a:ext uri="{FF2B5EF4-FFF2-40B4-BE49-F238E27FC236}">
              <a16:creationId xmlns:a16="http://schemas.microsoft.com/office/drawing/2014/main" id="{EFF71699-A4C2-46B2-AD51-90223713DCDE}"/>
            </a:ext>
          </a:extLst>
        </xdr:cNvPr>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30" name="直線コネクタ 529">
          <a:extLst>
            <a:ext uri="{FF2B5EF4-FFF2-40B4-BE49-F238E27FC236}">
              <a16:creationId xmlns:a16="http://schemas.microsoft.com/office/drawing/2014/main" id="{9CFE292A-C2D1-4FC8-91D7-196619809A0E}"/>
            </a:ext>
          </a:extLst>
        </xdr:cNvPr>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31" name="テキスト ボックス 530">
          <a:extLst>
            <a:ext uri="{FF2B5EF4-FFF2-40B4-BE49-F238E27FC236}">
              <a16:creationId xmlns:a16="http://schemas.microsoft.com/office/drawing/2014/main" id="{3420326A-6300-4674-A009-6EA21DC4E43F}"/>
            </a:ext>
          </a:extLst>
        </xdr:cNvPr>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32" name="直線コネクタ 531">
          <a:extLst>
            <a:ext uri="{FF2B5EF4-FFF2-40B4-BE49-F238E27FC236}">
              <a16:creationId xmlns:a16="http://schemas.microsoft.com/office/drawing/2014/main" id="{5CF68845-17B4-4B6D-A849-AFF69816C7B5}"/>
            </a:ext>
          </a:extLst>
        </xdr:cNvPr>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33" name="テキスト ボックス 532">
          <a:extLst>
            <a:ext uri="{FF2B5EF4-FFF2-40B4-BE49-F238E27FC236}">
              <a16:creationId xmlns:a16="http://schemas.microsoft.com/office/drawing/2014/main" id="{A26A2C17-EA33-4F41-BECB-7784281AD257}"/>
            </a:ext>
          </a:extLst>
        </xdr:cNvPr>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4" name="直線コネクタ 533">
          <a:extLst>
            <a:ext uri="{FF2B5EF4-FFF2-40B4-BE49-F238E27FC236}">
              <a16:creationId xmlns:a16="http://schemas.microsoft.com/office/drawing/2014/main" id="{A89AED92-CF70-4C28-AC3B-22A309495DBC}"/>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5" name="【保健センター・保健所】&#10;有形固定資産減価償却率グラフ枠">
          <a:extLst>
            <a:ext uri="{FF2B5EF4-FFF2-40B4-BE49-F238E27FC236}">
              <a16:creationId xmlns:a16="http://schemas.microsoft.com/office/drawing/2014/main" id="{562515EE-07CC-43CC-A95E-9B3285DDF771}"/>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0</xdr:rowOff>
    </xdr:from>
    <xdr:to>
      <xdr:col>85</xdr:col>
      <xdr:colOff>126364</xdr:colOff>
      <xdr:row>64</xdr:row>
      <xdr:rowOff>86541</xdr:rowOff>
    </xdr:to>
    <xdr:cxnSp macro="">
      <xdr:nvCxnSpPr>
        <xdr:cNvPr id="536" name="直線コネクタ 535">
          <a:extLst>
            <a:ext uri="{FF2B5EF4-FFF2-40B4-BE49-F238E27FC236}">
              <a16:creationId xmlns:a16="http://schemas.microsoft.com/office/drawing/2014/main" id="{95587761-8521-4F2B-94B8-83E56BE9E131}"/>
            </a:ext>
          </a:extLst>
        </xdr:cNvPr>
        <xdr:cNvCxnSpPr/>
      </xdr:nvCxnSpPr>
      <xdr:spPr>
        <a:xfrm flipV="1">
          <a:off x="14375764" y="9387840"/>
          <a:ext cx="0" cy="14276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90368</xdr:rowOff>
    </xdr:from>
    <xdr:ext cx="405111" cy="259045"/>
    <xdr:sp macro="" textlink="">
      <xdr:nvSpPr>
        <xdr:cNvPr id="537" name="【保健センター・保健所】&#10;有形固定資産減価償却率最小値テキスト">
          <a:extLst>
            <a:ext uri="{FF2B5EF4-FFF2-40B4-BE49-F238E27FC236}">
              <a16:creationId xmlns:a16="http://schemas.microsoft.com/office/drawing/2014/main" id="{444CA94E-FD99-4A20-A360-22E2DCA905CF}"/>
            </a:ext>
          </a:extLst>
        </xdr:cNvPr>
        <xdr:cNvSpPr txBox="1"/>
      </xdr:nvSpPr>
      <xdr:spPr>
        <a:xfrm>
          <a:off x="14414500" y="108193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86541</xdr:rowOff>
    </xdr:from>
    <xdr:to>
      <xdr:col>86</xdr:col>
      <xdr:colOff>25400</xdr:colOff>
      <xdr:row>64</xdr:row>
      <xdr:rowOff>86541</xdr:rowOff>
    </xdr:to>
    <xdr:cxnSp macro="">
      <xdr:nvCxnSpPr>
        <xdr:cNvPr id="538" name="直線コネクタ 537">
          <a:extLst>
            <a:ext uri="{FF2B5EF4-FFF2-40B4-BE49-F238E27FC236}">
              <a16:creationId xmlns:a16="http://schemas.microsoft.com/office/drawing/2014/main" id="{7FAFEF35-DA7C-49C5-ADA2-DAE0D3A92C5B}"/>
            </a:ext>
          </a:extLst>
        </xdr:cNvPr>
        <xdr:cNvCxnSpPr/>
      </xdr:nvCxnSpPr>
      <xdr:spPr>
        <a:xfrm>
          <a:off x="14287500" y="1081550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8127</xdr:rowOff>
    </xdr:from>
    <xdr:ext cx="340478" cy="259045"/>
    <xdr:sp macro="" textlink="">
      <xdr:nvSpPr>
        <xdr:cNvPr id="539" name="【保健センター・保健所】&#10;有形固定資産減価償却率最大値テキスト">
          <a:extLst>
            <a:ext uri="{FF2B5EF4-FFF2-40B4-BE49-F238E27FC236}">
              <a16:creationId xmlns:a16="http://schemas.microsoft.com/office/drawing/2014/main" id="{65FC36E4-73BF-4D42-9219-8449C99FD22B}"/>
            </a:ext>
          </a:extLst>
        </xdr:cNvPr>
        <xdr:cNvSpPr txBox="1"/>
      </xdr:nvSpPr>
      <xdr:spPr>
        <a:xfrm>
          <a:off x="14414500" y="917068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0</xdr:rowOff>
    </xdr:from>
    <xdr:to>
      <xdr:col>86</xdr:col>
      <xdr:colOff>25400</xdr:colOff>
      <xdr:row>56</xdr:row>
      <xdr:rowOff>0</xdr:rowOff>
    </xdr:to>
    <xdr:cxnSp macro="">
      <xdr:nvCxnSpPr>
        <xdr:cNvPr id="540" name="直線コネクタ 539">
          <a:extLst>
            <a:ext uri="{FF2B5EF4-FFF2-40B4-BE49-F238E27FC236}">
              <a16:creationId xmlns:a16="http://schemas.microsoft.com/office/drawing/2014/main" id="{F75A6787-721C-4932-90D6-5988C5267E34}"/>
            </a:ext>
          </a:extLst>
        </xdr:cNvPr>
        <xdr:cNvCxnSpPr/>
      </xdr:nvCxnSpPr>
      <xdr:spPr>
        <a:xfrm>
          <a:off x="14287500" y="93878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7392</xdr:rowOff>
    </xdr:from>
    <xdr:ext cx="405111" cy="259045"/>
    <xdr:sp macro="" textlink="">
      <xdr:nvSpPr>
        <xdr:cNvPr id="541" name="【保健センター・保健所】&#10;有形固定資産減価償却率平均値テキスト">
          <a:extLst>
            <a:ext uri="{FF2B5EF4-FFF2-40B4-BE49-F238E27FC236}">
              <a16:creationId xmlns:a16="http://schemas.microsoft.com/office/drawing/2014/main" id="{88C8B0B2-DDB5-4E0C-8785-7459A6B759B7}"/>
            </a:ext>
          </a:extLst>
        </xdr:cNvPr>
        <xdr:cNvSpPr txBox="1"/>
      </xdr:nvSpPr>
      <xdr:spPr>
        <a:xfrm>
          <a:off x="14414500" y="99281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4515</xdr:rowOff>
    </xdr:from>
    <xdr:to>
      <xdr:col>85</xdr:col>
      <xdr:colOff>177800</xdr:colOff>
      <xdr:row>60</xdr:row>
      <xdr:rowOff>116115</xdr:rowOff>
    </xdr:to>
    <xdr:sp macro="" textlink="">
      <xdr:nvSpPr>
        <xdr:cNvPr id="542" name="フローチャート: 判断 541">
          <a:extLst>
            <a:ext uri="{FF2B5EF4-FFF2-40B4-BE49-F238E27FC236}">
              <a16:creationId xmlns:a16="http://schemas.microsoft.com/office/drawing/2014/main" id="{971B96CE-0C26-4512-8CD8-6232B3C4ACBC}"/>
            </a:ext>
          </a:extLst>
        </xdr:cNvPr>
        <xdr:cNvSpPr/>
      </xdr:nvSpPr>
      <xdr:spPr>
        <a:xfrm>
          <a:off x="14325600" y="10072915"/>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1472</xdr:rowOff>
    </xdr:from>
    <xdr:to>
      <xdr:col>81</xdr:col>
      <xdr:colOff>101600</xdr:colOff>
      <xdr:row>60</xdr:row>
      <xdr:rowOff>91622</xdr:rowOff>
    </xdr:to>
    <xdr:sp macro="" textlink="">
      <xdr:nvSpPr>
        <xdr:cNvPr id="543" name="フローチャート: 判断 542">
          <a:extLst>
            <a:ext uri="{FF2B5EF4-FFF2-40B4-BE49-F238E27FC236}">
              <a16:creationId xmlns:a16="http://schemas.microsoft.com/office/drawing/2014/main" id="{16D017B7-01DC-4D75-AF14-78614B5FE4F1}"/>
            </a:ext>
          </a:extLst>
        </xdr:cNvPr>
        <xdr:cNvSpPr/>
      </xdr:nvSpPr>
      <xdr:spPr>
        <a:xfrm>
          <a:off x="13578840" y="1005223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50041</xdr:rowOff>
    </xdr:from>
    <xdr:to>
      <xdr:col>76</xdr:col>
      <xdr:colOff>165100</xdr:colOff>
      <xdr:row>60</xdr:row>
      <xdr:rowOff>80191</xdr:rowOff>
    </xdr:to>
    <xdr:sp macro="" textlink="">
      <xdr:nvSpPr>
        <xdr:cNvPr id="544" name="フローチャート: 判断 543">
          <a:extLst>
            <a:ext uri="{FF2B5EF4-FFF2-40B4-BE49-F238E27FC236}">
              <a16:creationId xmlns:a16="http://schemas.microsoft.com/office/drawing/2014/main" id="{C3112A56-7A6D-4676-B92B-4E2C0C20026D}"/>
            </a:ext>
          </a:extLst>
        </xdr:cNvPr>
        <xdr:cNvSpPr/>
      </xdr:nvSpPr>
      <xdr:spPr>
        <a:xfrm>
          <a:off x="12804140" y="100408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9220</xdr:rowOff>
    </xdr:from>
    <xdr:to>
      <xdr:col>72</xdr:col>
      <xdr:colOff>38100</xdr:colOff>
      <xdr:row>60</xdr:row>
      <xdr:rowOff>39370</xdr:rowOff>
    </xdr:to>
    <xdr:sp macro="" textlink="">
      <xdr:nvSpPr>
        <xdr:cNvPr id="545" name="フローチャート: 判断 544">
          <a:extLst>
            <a:ext uri="{FF2B5EF4-FFF2-40B4-BE49-F238E27FC236}">
              <a16:creationId xmlns:a16="http://schemas.microsoft.com/office/drawing/2014/main" id="{9D402F2C-2F62-4F1B-B7E5-EF4F3719E15F}"/>
            </a:ext>
          </a:extLst>
        </xdr:cNvPr>
        <xdr:cNvSpPr/>
      </xdr:nvSpPr>
      <xdr:spPr>
        <a:xfrm>
          <a:off x="12029440" y="99999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86360</xdr:rowOff>
    </xdr:from>
    <xdr:to>
      <xdr:col>67</xdr:col>
      <xdr:colOff>101600</xdr:colOff>
      <xdr:row>60</xdr:row>
      <xdr:rowOff>16510</xdr:rowOff>
    </xdr:to>
    <xdr:sp macro="" textlink="">
      <xdr:nvSpPr>
        <xdr:cNvPr id="546" name="フローチャート: 判断 545">
          <a:extLst>
            <a:ext uri="{FF2B5EF4-FFF2-40B4-BE49-F238E27FC236}">
              <a16:creationId xmlns:a16="http://schemas.microsoft.com/office/drawing/2014/main" id="{1F78B4BA-9B56-4A30-A336-F228EC5E1423}"/>
            </a:ext>
          </a:extLst>
        </xdr:cNvPr>
        <xdr:cNvSpPr/>
      </xdr:nvSpPr>
      <xdr:spPr>
        <a:xfrm>
          <a:off x="11231880" y="99771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C78F39D2-53C8-4B93-BF89-EFEDB98277D5}"/>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5CBC0F1C-17B5-4F17-BA42-1C3198FF3A25}"/>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9" name="テキスト ボックス 548">
          <a:extLst>
            <a:ext uri="{FF2B5EF4-FFF2-40B4-BE49-F238E27FC236}">
              <a16:creationId xmlns:a16="http://schemas.microsoft.com/office/drawing/2014/main" id="{C57E500F-43AD-48B4-B993-28A2F9AABF47}"/>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0" name="テキスト ボックス 549">
          <a:extLst>
            <a:ext uri="{FF2B5EF4-FFF2-40B4-BE49-F238E27FC236}">
              <a16:creationId xmlns:a16="http://schemas.microsoft.com/office/drawing/2014/main" id="{FCDEA4C0-267D-4663-85F0-EF10076AE441}"/>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1" name="テキスト ボックス 550">
          <a:extLst>
            <a:ext uri="{FF2B5EF4-FFF2-40B4-BE49-F238E27FC236}">
              <a16:creationId xmlns:a16="http://schemas.microsoft.com/office/drawing/2014/main" id="{65C6FCD6-3F10-47C4-BF17-BC486A603BF8}"/>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4</xdr:row>
      <xdr:rowOff>35741</xdr:rowOff>
    </xdr:from>
    <xdr:to>
      <xdr:col>85</xdr:col>
      <xdr:colOff>177800</xdr:colOff>
      <xdr:row>64</xdr:row>
      <xdr:rowOff>137341</xdr:rowOff>
    </xdr:to>
    <xdr:sp macro="" textlink="">
      <xdr:nvSpPr>
        <xdr:cNvPr id="552" name="楕円 551">
          <a:extLst>
            <a:ext uri="{FF2B5EF4-FFF2-40B4-BE49-F238E27FC236}">
              <a16:creationId xmlns:a16="http://schemas.microsoft.com/office/drawing/2014/main" id="{4CB1C93D-F768-4F06-9881-495B52ED4A28}"/>
            </a:ext>
          </a:extLst>
        </xdr:cNvPr>
        <xdr:cNvSpPr/>
      </xdr:nvSpPr>
      <xdr:spPr>
        <a:xfrm>
          <a:off x="14325600" y="10764701"/>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3</xdr:row>
      <xdr:rowOff>122118</xdr:rowOff>
    </xdr:from>
    <xdr:ext cx="405111" cy="259045"/>
    <xdr:sp macro="" textlink="">
      <xdr:nvSpPr>
        <xdr:cNvPr id="553" name="【保健センター・保健所】&#10;有形固定資産減価償却率該当値テキスト">
          <a:extLst>
            <a:ext uri="{FF2B5EF4-FFF2-40B4-BE49-F238E27FC236}">
              <a16:creationId xmlns:a16="http://schemas.microsoft.com/office/drawing/2014/main" id="{7A1E3607-AAD7-47BE-AA7F-3148AEC52407}"/>
            </a:ext>
          </a:extLst>
        </xdr:cNvPr>
        <xdr:cNvSpPr txBox="1"/>
      </xdr:nvSpPr>
      <xdr:spPr>
        <a:xfrm>
          <a:off x="14414500" y="10683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161472</xdr:rowOff>
    </xdr:from>
    <xdr:to>
      <xdr:col>81</xdr:col>
      <xdr:colOff>101600</xdr:colOff>
      <xdr:row>64</xdr:row>
      <xdr:rowOff>91622</xdr:rowOff>
    </xdr:to>
    <xdr:sp macro="" textlink="">
      <xdr:nvSpPr>
        <xdr:cNvPr id="554" name="楕円 553">
          <a:extLst>
            <a:ext uri="{FF2B5EF4-FFF2-40B4-BE49-F238E27FC236}">
              <a16:creationId xmlns:a16="http://schemas.microsoft.com/office/drawing/2014/main" id="{FF5EE03F-EF48-419B-80F3-9AF5F5F64A4B}"/>
            </a:ext>
          </a:extLst>
        </xdr:cNvPr>
        <xdr:cNvSpPr/>
      </xdr:nvSpPr>
      <xdr:spPr>
        <a:xfrm>
          <a:off x="13578840" y="107227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4</xdr:row>
      <xdr:rowOff>40822</xdr:rowOff>
    </xdr:from>
    <xdr:to>
      <xdr:col>85</xdr:col>
      <xdr:colOff>127000</xdr:colOff>
      <xdr:row>64</xdr:row>
      <xdr:rowOff>86541</xdr:rowOff>
    </xdr:to>
    <xdr:cxnSp macro="">
      <xdr:nvCxnSpPr>
        <xdr:cNvPr id="555" name="直線コネクタ 554">
          <a:extLst>
            <a:ext uri="{FF2B5EF4-FFF2-40B4-BE49-F238E27FC236}">
              <a16:creationId xmlns:a16="http://schemas.microsoft.com/office/drawing/2014/main" id="{2E2EDB99-0968-41D4-95B5-6A46C9FDAFA6}"/>
            </a:ext>
          </a:extLst>
        </xdr:cNvPr>
        <xdr:cNvCxnSpPr/>
      </xdr:nvCxnSpPr>
      <xdr:spPr>
        <a:xfrm>
          <a:off x="13629640" y="10769782"/>
          <a:ext cx="74676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161472</xdr:rowOff>
    </xdr:from>
    <xdr:to>
      <xdr:col>76</xdr:col>
      <xdr:colOff>165100</xdr:colOff>
      <xdr:row>64</xdr:row>
      <xdr:rowOff>91622</xdr:rowOff>
    </xdr:to>
    <xdr:sp macro="" textlink="">
      <xdr:nvSpPr>
        <xdr:cNvPr id="556" name="楕円 555">
          <a:extLst>
            <a:ext uri="{FF2B5EF4-FFF2-40B4-BE49-F238E27FC236}">
              <a16:creationId xmlns:a16="http://schemas.microsoft.com/office/drawing/2014/main" id="{A07117C3-09C4-4569-ACD4-A18915E2E4E6}"/>
            </a:ext>
          </a:extLst>
        </xdr:cNvPr>
        <xdr:cNvSpPr/>
      </xdr:nvSpPr>
      <xdr:spPr>
        <a:xfrm>
          <a:off x="12804140" y="107227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4</xdr:row>
      <xdr:rowOff>40822</xdr:rowOff>
    </xdr:from>
    <xdr:to>
      <xdr:col>81</xdr:col>
      <xdr:colOff>50800</xdr:colOff>
      <xdr:row>64</xdr:row>
      <xdr:rowOff>40822</xdr:rowOff>
    </xdr:to>
    <xdr:cxnSp macro="">
      <xdr:nvCxnSpPr>
        <xdr:cNvPr id="557" name="直線コネクタ 556">
          <a:extLst>
            <a:ext uri="{FF2B5EF4-FFF2-40B4-BE49-F238E27FC236}">
              <a16:creationId xmlns:a16="http://schemas.microsoft.com/office/drawing/2014/main" id="{333A1D32-19AE-4BBD-A01C-F18F91BFFCCE}"/>
            </a:ext>
          </a:extLst>
        </xdr:cNvPr>
        <xdr:cNvCxnSpPr/>
      </xdr:nvCxnSpPr>
      <xdr:spPr>
        <a:xfrm>
          <a:off x="12854940" y="10769782"/>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3</xdr:row>
      <xdr:rowOff>117384</xdr:rowOff>
    </xdr:from>
    <xdr:to>
      <xdr:col>72</xdr:col>
      <xdr:colOff>38100</xdr:colOff>
      <xdr:row>64</xdr:row>
      <xdr:rowOff>47534</xdr:rowOff>
    </xdr:to>
    <xdr:sp macro="" textlink="">
      <xdr:nvSpPr>
        <xdr:cNvPr id="558" name="楕円 557">
          <a:extLst>
            <a:ext uri="{FF2B5EF4-FFF2-40B4-BE49-F238E27FC236}">
              <a16:creationId xmlns:a16="http://schemas.microsoft.com/office/drawing/2014/main" id="{3019D16D-1214-4D8C-96DA-74EDE5533B60}"/>
            </a:ext>
          </a:extLst>
        </xdr:cNvPr>
        <xdr:cNvSpPr/>
      </xdr:nvSpPr>
      <xdr:spPr>
        <a:xfrm>
          <a:off x="12029440" y="1067870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168184</xdr:rowOff>
    </xdr:from>
    <xdr:to>
      <xdr:col>76</xdr:col>
      <xdr:colOff>114300</xdr:colOff>
      <xdr:row>64</xdr:row>
      <xdr:rowOff>40822</xdr:rowOff>
    </xdr:to>
    <xdr:cxnSp macro="">
      <xdr:nvCxnSpPr>
        <xdr:cNvPr id="559" name="直線コネクタ 558">
          <a:extLst>
            <a:ext uri="{FF2B5EF4-FFF2-40B4-BE49-F238E27FC236}">
              <a16:creationId xmlns:a16="http://schemas.microsoft.com/office/drawing/2014/main" id="{7043432B-5BC0-4810-B82A-C0CE96F253CE}"/>
            </a:ext>
          </a:extLst>
        </xdr:cNvPr>
        <xdr:cNvCxnSpPr/>
      </xdr:nvCxnSpPr>
      <xdr:spPr>
        <a:xfrm>
          <a:off x="12072620" y="10729504"/>
          <a:ext cx="782320" cy="40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3</xdr:row>
      <xdr:rowOff>73297</xdr:rowOff>
    </xdr:from>
    <xdr:to>
      <xdr:col>67</xdr:col>
      <xdr:colOff>101600</xdr:colOff>
      <xdr:row>64</xdr:row>
      <xdr:rowOff>3447</xdr:rowOff>
    </xdr:to>
    <xdr:sp macro="" textlink="">
      <xdr:nvSpPr>
        <xdr:cNvPr id="560" name="楕円 559">
          <a:extLst>
            <a:ext uri="{FF2B5EF4-FFF2-40B4-BE49-F238E27FC236}">
              <a16:creationId xmlns:a16="http://schemas.microsoft.com/office/drawing/2014/main" id="{0DF10A58-55D9-4A4C-9E0F-CD8FAB6B18F0}"/>
            </a:ext>
          </a:extLst>
        </xdr:cNvPr>
        <xdr:cNvSpPr/>
      </xdr:nvSpPr>
      <xdr:spPr>
        <a:xfrm>
          <a:off x="11231880" y="1063461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3</xdr:row>
      <xdr:rowOff>124097</xdr:rowOff>
    </xdr:from>
    <xdr:to>
      <xdr:col>71</xdr:col>
      <xdr:colOff>177800</xdr:colOff>
      <xdr:row>63</xdr:row>
      <xdr:rowOff>168184</xdr:rowOff>
    </xdr:to>
    <xdr:cxnSp macro="">
      <xdr:nvCxnSpPr>
        <xdr:cNvPr id="561" name="直線コネクタ 560">
          <a:extLst>
            <a:ext uri="{FF2B5EF4-FFF2-40B4-BE49-F238E27FC236}">
              <a16:creationId xmlns:a16="http://schemas.microsoft.com/office/drawing/2014/main" id="{2B1AF388-5E70-42FF-871C-C3DAFB5B7DA6}"/>
            </a:ext>
          </a:extLst>
        </xdr:cNvPr>
        <xdr:cNvCxnSpPr/>
      </xdr:nvCxnSpPr>
      <xdr:spPr>
        <a:xfrm>
          <a:off x="11282680" y="10685417"/>
          <a:ext cx="78994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08149</xdr:rowOff>
    </xdr:from>
    <xdr:ext cx="405111" cy="259045"/>
    <xdr:sp macro="" textlink="">
      <xdr:nvSpPr>
        <xdr:cNvPr id="562" name="n_1aveValue【保健センター・保健所】&#10;有形固定資産減価償却率">
          <a:extLst>
            <a:ext uri="{FF2B5EF4-FFF2-40B4-BE49-F238E27FC236}">
              <a16:creationId xmlns:a16="http://schemas.microsoft.com/office/drawing/2014/main" id="{393C7465-7FA7-49D8-80CE-3E49DDEEA69D}"/>
            </a:ext>
          </a:extLst>
        </xdr:cNvPr>
        <xdr:cNvSpPr txBox="1"/>
      </xdr:nvSpPr>
      <xdr:spPr>
        <a:xfrm>
          <a:off x="13437244" y="98312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96718</xdr:rowOff>
    </xdr:from>
    <xdr:ext cx="405111" cy="259045"/>
    <xdr:sp macro="" textlink="">
      <xdr:nvSpPr>
        <xdr:cNvPr id="563" name="n_2aveValue【保健センター・保健所】&#10;有形固定資産減価償却率">
          <a:extLst>
            <a:ext uri="{FF2B5EF4-FFF2-40B4-BE49-F238E27FC236}">
              <a16:creationId xmlns:a16="http://schemas.microsoft.com/office/drawing/2014/main" id="{1F1F9336-E69E-4230-9A00-A79828323A35}"/>
            </a:ext>
          </a:extLst>
        </xdr:cNvPr>
        <xdr:cNvSpPr txBox="1"/>
      </xdr:nvSpPr>
      <xdr:spPr>
        <a:xfrm>
          <a:off x="12675244" y="9819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5897</xdr:rowOff>
    </xdr:from>
    <xdr:ext cx="405111" cy="259045"/>
    <xdr:sp macro="" textlink="">
      <xdr:nvSpPr>
        <xdr:cNvPr id="564" name="n_3aveValue【保健センター・保健所】&#10;有形固定資産減価償却率">
          <a:extLst>
            <a:ext uri="{FF2B5EF4-FFF2-40B4-BE49-F238E27FC236}">
              <a16:creationId xmlns:a16="http://schemas.microsoft.com/office/drawing/2014/main" id="{DB67603D-A724-4B5F-A2AF-FE748472F975}"/>
            </a:ext>
          </a:extLst>
        </xdr:cNvPr>
        <xdr:cNvSpPr txBox="1"/>
      </xdr:nvSpPr>
      <xdr:spPr>
        <a:xfrm>
          <a:off x="11900544" y="9779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33037</xdr:rowOff>
    </xdr:from>
    <xdr:ext cx="405111" cy="259045"/>
    <xdr:sp macro="" textlink="">
      <xdr:nvSpPr>
        <xdr:cNvPr id="565" name="n_4aveValue【保健センター・保健所】&#10;有形固定資産減価償却率">
          <a:extLst>
            <a:ext uri="{FF2B5EF4-FFF2-40B4-BE49-F238E27FC236}">
              <a16:creationId xmlns:a16="http://schemas.microsoft.com/office/drawing/2014/main" id="{821B899C-BA34-47D8-A448-27B263AEE9CE}"/>
            </a:ext>
          </a:extLst>
        </xdr:cNvPr>
        <xdr:cNvSpPr txBox="1"/>
      </xdr:nvSpPr>
      <xdr:spPr>
        <a:xfrm>
          <a:off x="11102984" y="975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4</xdr:row>
      <xdr:rowOff>82749</xdr:rowOff>
    </xdr:from>
    <xdr:ext cx="405111" cy="259045"/>
    <xdr:sp macro="" textlink="">
      <xdr:nvSpPr>
        <xdr:cNvPr id="566" name="n_1mainValue【保健センター・保健所】&#10;有形固定資産減価償却率">
          <a:extLst>
            <a:ext uri="{FF2B5EF4-FFF2-40B4-BE49-F238E27FC236}">
              <a16:creationId xmlns:a16="http://schemas.microsoft.com/office/drawing/2014/main" id="{BE76DE14-963E-4C37-A127-5A9B1E3611E9}"/>
            </a:ext>
          </a:extLst>
        </xdr:cNvPr>
        <xdr:cNvSpPr txBox="1"/>
      </xdr:nvSpPr>
      <xdr:spPr>
        <a:xfrm>
          <a:off x="13437244" y="10811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4</xdr:row>
      <xdr:rowOff>82749</xdr:rowOff>
    </xdr:from>
    <xdr:ext cx="405111" cy="259045"/>
    <xdr:sp macro="" textlink="">
      <xdr:nvSpPr>
        <xdr:cNvPr id="567" name="n_2mainValue【保健センター・保健所】&#10;有形固定資産減価償却率">
          <a:extLst>
            <a:ext uri="{FF2B5EF4-FFF2-40B4-BE49-F238E27FC236}">
              <a16:creationId xmlns:a16="http://schemas.microsoft.com/office/drawing/2014/main" id="{B36C4E55-DB99-47A7-9B06-197B5A03CC76}"/>
            </a:ext>
          </a:extLst>
        </xdr:cNvPr>
        <xdr:cNvSpPr txBox="1"/>
      </xdr:nvSpPr>
      <xdr:spPr>
        <a:xfrm>
          <a:off x="12675244" y="10811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4</xdr:row>
      <xdr:rowOff>38661</xdr:rowOff>
    </xdr:from>
    <xdr:ext cx="405111" cy="259045"/>
    <xdr:sp macro="" textlink="">
      <xdr:nvSpPr>
        <xdr:cNvPr id="568" name="n_3mainValue【保健センター・保健所】&#10;有形固定資産減価償却率">
          <a:extLst>
            <a:ext uri="{FF2B5EF4-FFF2-40B4-BE49-F238E27FC236}">
              <a16:creationId xmlns:a16="http://schemas.microsoft.com/office/drawing/2014/main" id="{A3AA7C87-2F52-4AA7-8079-F5F1CBF60966}"/>
            </a:ext>
          </a:extLst>
        </xdr:cNvPr>
        <xdr:cNvSpPr txBox="1"/>
      </xdr:nvSpPr>
      <xdr:spPr>
        <a:xfrm>
          <a:off x="11900544" y="10767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166024</xdr:rowOff>
    </xdr:from>
    <xdr:ext cx="405111" cy="259045"/>
    <xdr:sp macro="" textlink="">
      <xdr:nvSpPr>
        <xdr:cNvPr id="569" name="n_4mainValue【保健センター・保健所】&#10;有形固定資産減価償却率">
          <a:extLst>
            <a:ext uri="{FF2B5EF4-FFF2-40B4-BE49-F238E27FC236}">
              <a16:creationId xmlns:a16="http://schemas.microsoft.com/office/drawing/2014/main" id="{FE447056-E701-4D45-AB03-0DCCD16FF696}"/>
            </a:ext>
          </a:extLst>
        </xdr:cNvPr>
        <xdr:cNvSpPr txBox="1"/>
      </xdr:nvSpPr>
      <xdr:spPr>
        <a:xfrm>
          <a:off x="11102984" y="107273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0" name="正方形/長方形 569">
          <a:extLst>
            <a:ext uri="{FF2B5EF4-FFF2-40B4-BE49-F238E27FC236}">
              <a16:creationId xmlns:a16="http://schemas.microsoft.com/office/drawing/2014/main" id="{53F102BF-6287-48BC-9E24-1A032891AD76}"/>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1" name="正方形/長方形 570">
          <a:extLst>
            <a:ext uri="{FF2B5EF4-FFF2-40B4-BE49-F238E27FC236}">
              <a16:creationId xmlns:a16="http://schemas.microsoft.com/office/drawing/2014/main" id="{18992A7E-4291-4ACE-B396-C3AC6F499178}"/>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2" name="正方形/長方形 571">
          <a:extLst>
            <a:ext uri="{FF2B5EF4-FFF2-40B4-BE49-F238E27FC236}">
              <a16:creationId xmlns:a16="http://schemas.microsoft.com/office/drawing/2014/main" id="{AED5D3B6-8389-4DAE-9830-3EC1E63A1A2E}"/>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3" name="正方形/長方形 572">
          <a:extLst>
            <a:ext uri="{FF2B5EF4-FFF2-40B4-BE49-F238E27FC236}">
              <a16:creationId xmlns:a16="http://schemas.microsoft.com/office/drawing/2014/main" id="{0B43015D-EE09-4093-B87A-CCFC417DE3BD}"/>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4" name="正方形/長方形 573">
          <a:extLst>
            <a:ext uri="{FF2B5EF4-FFF2-40B4-BE49-F238E27FC236}">
              <a16:creationId xmlns:a16="http://schemas.microsoft.com/office/drawing/2014/main" id="{A002F242-AE81-41D5-A018-189B723953C5}"/>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5" name="正方形/長方形 574">
          <a:extLst>
            <a:ext uri="{FF2B5EF4-FFF2-40B4-BE49-F238E27FC236}">
              <a16:creationId xmlns:a16="http://schemas.microsoft.com/office/drawing/2014/main" id="{3DC9098A-2065-4D75-9D22-E43CC38833EC}"/>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6" name="正方形/長方形 575">
          <a:extLst>
            <a:ext uri="{FF2B5EF4-FFF2-40B4-BE49-F238E27FC236}">
              <a16:creationId xmlns:a16="http://schemas.microsoft.com/office/drawing/2014/main" id="{649CC302-3527-4ACB-A9CB-CA97BA6FBC12}"/>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7" name="正方形/長方形 576">
          <a:extLst>
            <a:ext uri="{FF2B5EF4-FFF2-40B4-BE49-F238E27FC236}">
              <a16:creationId xmlns:a16="http://schemas.microsoft.com/office/drawing/2014/main" id="{0465D286-8C3B-4AC2-BDDE-88CF9F9DC07D}"/>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8" name="テキスト ボックス 577">
          <a:extLst>
            <a:ext uri="{FF2B5EF4-FFF2-40B4-BE49-F238E27FC236}">
              <a16:creationId xmlns:a16="http://schemas.microsoft.com/office/drawing/2014/main" id="{830E67C1-F506-4943-B83A-994E7A934F76}"/>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9" name="直線コネクタ 578">
          <a:extLst>
            <a:ext uri="{FF2B5EF4-FFF2-40B4-BE49-F238E27FC236}">
              <a16:creationId xmlns:a16="http://schemas.microsoft.com/office/drawing/2014/main" id="{EABE5402-C7DF-492A-B011-85F7A48ED076}"/>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80" name="直線コネクタ 579">
          <a:extLst>
            <a:ext uri="{FF2B5EF4-FFF2-40B4-BE49-F238E27FC236}">
              <a16:creationId xmlns:a16="http://schemas.microsoft.com/office/drawing/2014/main" id="{5CB9A208-E114-4159-849F-D674B2C23A17}"/>
            </a:ext>
          </a:extLst>
        </xdr:cNvPr>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81" name="テキスト ボックス 580">
          <a:extLst>
            <a:ext uri="{FF2B5EF4-FFF2-40B4-BE49-F238E27FC236}">
              <a16:creationId xmlns:a16="http://schemas.microsoft.com/office/drawing/2014/main" id="{B32CF36F-0F00-43CC-96A4-E513D8B75410}"/>
            </a:ext>
          </a:extLst>
        </xdr:cNvPr>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82" name="直線コネクタ 581">
          <a:extLst>
            <a:ext uri="{FF2B5EF4-FFF2-40B4-BE49-F238E27FC236}">
              <a16:creationId xmlns:a16="http://schemas.microsoft.com/office/drawing/2014/main" id="{087426B2-A68B-4A0E-A793-CF458D460834}"/>
            </a:ext>
          </a:extLst>
        </xdr:cNvPr>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83" name="テキスト ボックス 582">
          <a:extLst>
            <a:ext uri="{FF2B5EF4-FFF2-40B4-BE49-F238E27FC236}">
              <a16:creationId xmlns:a16="http://schemas.microsoft.com/office/drawing/2014/main" id="{59CE827E-18F3-4FC2-8A0D-403A677F5615}"/>
            </a:ext>
          </a:extLst>
        </xdr:cNvPr>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84" name="直線コネクタ 583">
          <a:extLst>
            <a:ext uri="{FF2B5EF4-FFF2-40B4-BE49-F238E27FC236}">
              <a16:creationId xmlns:a16="http://schemas.microsoft.com/office/drawing/2014/main" id="{9CAE715E-0676-4198-9657-4F4E587EFB2D}"/>
            </a:ext>
          </a:extLst>
        </xdr:cNvPr>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5" name="テキスト ボックス 584">
          <a:extLst>
            <a:ext uri="{FF2B5EF4-FFF2-40B4-BE49-F238E27FC236}">
              <a16:creationId xmlns:a16="http://schemas.microsoft.com/office/drawing/2014/main" id="{CA93AD50-CD0D-4D66-BF93-4AF27A1982CF}"/>
            </a:ext>
          </a:extLst>
        </xdr:cNvPr>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6" name="直線コネクタ 585">
          <a:extLst>
            <a:ext uri="{FF2B5EF4-FFF2-40B4-BE49-F238E27FC236}">
              <a16:creationId xmlns:a16="http://schemas.microsoft.com/office/drawing/2014/main" id="{870C127E-F723-49E8-B8E0-7A86CDDB809A}"/>
            </a:ext>
          </a:extLst>
        </xdr:cNvPr>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7" name="テキスト ボックス 586">
          <a:extLst>
            <a:ext uri="{FF2B5EF4-FFF2-40B4-BE49-F238E27FC236}">
              <a16:creationId xmlns:a16="http://schemas.microsoft.com/office/drawing/2014/main" id="{B7191FDB-AC03-458A-A383-27133D5A32AA}"/>
            </a:ext>
          </a:extLst>
        </xdr:cNvPr>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8" name="直線コネクタ 587">
          <a:extLst>
            <a:ext uri="{FF2B5EF4-FFF2-40B4-BE49-F238E27FC236}">
              <a16:creationId xmlns:a16="http://schemas.microsoft.com/office/drawing/2014/main" id="{70FF1298-9C6B-4FF4-9827-C0F1CADDC482}"/>
            </a:ext>
          </a:extLst>
        </xdr:cNvPr>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9" name="テキスト ボックス 588">
          <a:extLst>
            <a:ext uri="{FF2B5EF4-FFF2-40B4-BE49-F238E27FC236}">
              <a16:creationId xmlns:a16="http://schemas.microsoft.com/office/drawing/2014/main" id="{05749DBD-152B-46A7-8C79-ED39FDA28A08}"/>
            </a:ext>
          </a:extLst>
        </xdr:cNvPr>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90" name="直線コネクタ 589">
          <a:extLst>
            <a:ext uri="{FF2B5EF4-FFF2-40B4-BE49-F238E27FC236}">
              <a16:creationId xmlns:a16="http://schemas.microsoft.com/office/drawing/2014/main" id="{33A1EBE3-4F2A-4054-9BD6-66988F1AE8E6}"/>
            </a:ext>
          </a:extLst>
        </xdr:cNvPr>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91" name="テキスト ボックス 590">
          <a:extLst>
            <a:ext uri="{FF2B5EF4-FFF2-40B4-BE49-F238E27FC236}">
              <a16:creationId xmlns:a16="http://schemas.microsoft.com/office/drawing/2014/main" id="{96503045-B2A4-4E32-9943-037A30A0B307}"/>
            </a:ext>
          </a:extLst>
        </xdr:cNvPr>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2" name="直線コネクタ 591">
          <a:extLst>
            <a:ext uri="{FF2B5EF4-FFF2-40B4-BE49-F238E27FC236}">
              <a16:creationId xmlns:a16="http://schemas.microsoft.com/office/drawing/2014/main" id="{6DC5F59D-DBFC-4C86-A5ED-277201A1BD38}"/>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3" name="テキスト ボックス 592">
          <a:extLst>
            <a:ext uri="{FF2B5EF4-FFF2-40B4-BE49-F238E27FC236}">
              <a16:creationId xmlns:a16="http://schemas.microsoft.com/office/drawing/2014/main" id="{1169FE7D-263A-4DE1-8356-426EB30EF0A4}"/>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4" name="【保健センター・保健所】&#10;一人当たり面積グラフ枠">
          <a:extLst>
            <a:ext uri="{FF2B5EF4-FFF2-40B4-BE49-F238E27FC236}">
              <a16:creationId xmlns:a16="http://schemas.microsoft.com/office/drawing/2014/main" id="{D5516A0D-6AB4-46E9-A9D4-3BE3746782C0}"/>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2059</xdr:rowOff>
    </xdr:from>
    <xdr:to>
      <xdr:col>116</xdr:col>
      <xdr:colOff>62864</xdr:colOff>
      <xdr:row>64</xdr:row>
      <xdr:rowOff>120831</xdr:rowOff>
    </xdr:to>
    <xdr:cxnSp macro="">
      <xdr:nvCxnSpPr>
        <xdr:cNvPr id="595" name="直線コネクタ 594">
          <a:extLst>
            <a:ext uri="{FF2B5EF4-FFF2-40B4-BE49-F238E27FC236}">
              <a16:creationId xmlns:a16="http://schemas.microsoft.com/office/drawing/2014/main" id="{ABA1B9A9-5E78-42E3-95B5-5D8E80445D84}"/>
            </a:ext>
          </a:extLst>
        </xdr:cNvPr>
        <xdr:cNvCxnSpPr/>
      </xdr:nvCxnSpPr>
      <xdr:spPr>
        <a:xfrm flipV="1">
          <a:off x="19509104" y="9362259"/>
          <a:ext cx="0" cy="14875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596" name="【保健センター・保健所】&#10;一人当たり面積最小値テキスト">
          <a:extLst>
            <a:ext uri="{FF2B5EF4-FFF2-40B4-BE49-F238E27FC236}">
              <a16:creationId xmlns:a16="http://schemas.microsoft.com/office/drawing/2014/main" id="{B0E7AAE0-4745-405F-94D4-6F3C716FD879}"/>
            </a:ext>
          </a:extLst>
        </xdr:cNvPr>
        <xdr:cNvSpPr txBox="1"/>
      </xdr:nvSpPr>
      <xdr:spPr>
        <a:xfrm>
          <a:off x="19547840" y="10853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597" name="直線コネクタ 596">
          <a:extLst>
            <a:ext uri="{FF2B5EF4-FFF2-40B4-BE49-F238E27FC236}">
              <a16:creationId xmlns:a16="http://schemas.microsoft.com/office/drawing/2014/main" id="{844B3026-93CF-40DE-A22F-C4008862442D}"/>
            </a:ext>
          </a:extLst>
        </xdr:cNvPr>
        <xdr:cNvCxnSpPr/>
      </xdr:nvCxnSpPr>
      <xdr:spPr>
        <a:xfrm>
          <a:off x="19443700" y="108497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8736</xdr:rowOff>
    </xdr:from>
    <xdr:ext cx="469744" cy="259045"/>
    <xdr:sp macro="" textlink="">
      <xdr:nvSpPr>
        <xdr:cNvPr id="598" name="【保健センター・保健所】&#10;一人当たり面積最大値テキスト">
          <a:extLst>
            <a:ext uri="{FF2B5EF4-FFF2-40B4-BE49-F238E27FC236}">
              <a16:creationId xmlns:a16="http://schemas.microsoft.com/office/drawing/2014/main" id="{D30FCAE6-B43C-48B0-962C-B6A314F5722E}"/>
            </a:ext>
          </a:extLst>
        </xdr:cNvPr>
        <xdr:cNvSpPr txBox="1"/>
      </xdr:nvSpPr>
      <xdr:spPr>
        <a:xfrm>
          <a:off x="19547840" y="91412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2059</xdr:rowOff>
    </xdr:from>
    <xdr:to>
      <xdr:col>116</xdr:col>
      <xdr:colOff>152400</xdr:colOff>
      <xdr:row>55</xdr:row>
      <xdr:rowOff>142059</xdr:rowOff>
    </xdr:to>
    <xdr:cxnSp macro="">
      <xdr:nvCxnSpPr>
        <xdr:cNvPr id="599" name="直線コネクタ 598">
          <a:extLst>
            <a:ext uri="{FF2B5EF4-FFF2-40B4-BE49-F238E27FC236}">
              <a16:creationId xmlns:a16="http://schemas.microsoft.com/office/drawing/2014/main" id="{F0A2BA4C-9B92-4ED0-870E-F8A788326C74}"/>
            </a:ext>
          </a:extLst>
        </xdr:cNvPr>
        <xdr:cNvCxnSpPr/>
      </xdr:nvCxnSpPr>
      <xdr:spPr>
        <a:xfrm>
          <a:off x="19443700" y="93622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8415</xdr:rowOff>
    </xdr:from>
    <xdr:ext cx="469744" cy="259045"/>
    <xdr:sp macro="" textlink="">
      <xdr:nvSpPr>
        <xdr:cNvPr id="600" name="【保健センター・保健所】&#10;一人当たり面積平均値テキスト">
          <a:extLst>
            <a:ext uri="{FF2B5EF4-FFF2-40B4-BE49-F238E27FC236}">
              <a16:creationId xmlns:a16="http://schemas.microsoft.com/office/drawing/2014/main" id="{EC67226F-3C94-42BA-9C31-6633E8128A69}"/>
            </a:ext>
          </a:extLst>
        </xdr:cNvPr>
        <xdr:cNvSpPr txBox="1"/>
      </xdr:nvSpPr>
      <xdr:spPr>
        <a:xfrm>
          <a:off x="19547840" y="104620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5538</xdr:rowOff>
    </xdr:from>
    <xdr:to>
      <xdr:col>116</xdr:col>
      <xdr:colOff>114300</xdr:colOff>
      <xdr:row>63</xdr:row>
      <xdr:rowOff>147138</xdr:rowOff>
    </xdr:to>
    <xdr:sp macro="" textlink="">
      <xdr:nvSpPr>
        <xdr:cNvPr id="601" name="フローチャート: 判断 600">
          <a:extLst>
            <a:ext uri="{FF2B5EF4-FFF2-40B4-BE49-F238E27FC236}">
              <a16:creationId xmlns:a16="http://schemas.microsoft.com/office/drawing/2014/main" id="{F0C47E43-56F5-4C85-B4D2-0A5C55A68B93}"/>
            </a:ext>
          </a:extLst>
        </xdr:cNvPr>
        <xdr:cNvSpPr/>
      </xdr:nvSpPr>
      <xdr:spPr>
        <a:xfrm>
          <a:off x="19458940" y="10606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8804</xdr:rowOff>
    </xdr:from>
    <xdr:to>
      <xdr:col>112</xdr:col>
      <xdr:colOff>38100</xdr:colOff>
      <xdr:row>63</xdr:row>
      <xdr:rowOff>150404</xdr:rowOff>
    </xdr:to>
    <xdr:sp macro="" textlink="">
      <xdr:nvSpPr>
        <xdr:cNvPr id="602" name="フローチャート: 判断 601">
          <a:extLst>
            <a:ext uri="{FF2B5EF4-FFF2-40B4-BE49-F238E27FC236}">
              <a16:creationId xmlns:a16="http://schemas.microsoft.com/office/drawing/2014/main" id="{6A01279E-BCE2-42CA-A0FA-26C3690F4B7B}"/>
            </a:ext>
          </a:extLst>
        </xdr:cNvPr>
        <xdr:cNvSpPr/>
      </xdr:nvSpPr>
      <xdr:spPr>
        <a:xfrm>
          <a:off x="18735040" y="1061012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601</xdr:rowOff>
    </xdr:from>
    <xdr:to>
      <xdr:col>107</xdr:col>
      <xdr:colOff>101600</xdr:colOff>
      <xdr:row>63</xdr:row>
      <xdr:rowOff>160201</xdr:rowOff>
    </xdr:to>
    <xdr:sp macro="" textlink="">
      <xdr:nvSpPr>
        <xdr:cNvPr id="603" name="フローチャート: 判断 602">
          <a:extLst>
            <a:ext uri="{FF2B5EF4-FFF2-40B4-BE49-F238E27FC236}">
              <a16:creationId xmlns:a16="http://schemas.microsoft.com/office/drawing/2014/main" id="{D1D0D178-CE7A-4C1E-8C01-B5D982E46910}"/>
            </a:ext>
          </a:extLst>
        </xdr:cNvPr>
        <xdr:cNvSpPr/>
      </xdr:nvSpPr>
      <xdr:spPr>
        <a:xfrm>
          <a:off x="17937480" y="10619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42273</xdr:rowOff>
    </xdr:from>
    <xdr:to>
      <xdr:col>102</xdr:col>
      <xdr:colOff>165100</xdr:colOff>
      <xdr:row>63</xdr:row>
      <xdr:rowOff>143873</xdr:rowOff>
    </xdr:to>
    <xdr:sp macro="" textlink="">
      <xdr:nvSpPr>
        <xdr:cNvPr id="604" name="フローチャート: 判断 603">
          <a:extLst>
            <a:ext uri="{FF2B5EF4-FFF2-40B4-BE49-F238E27FC236}">
              <a16:creationId xmlns:a16="http://schemas.microsoft.com/office/drawing/2014/main" id="{422E3C5C-D765-4999-9BE8-DDA0CAF05A8F}"/>
            </a:ext>
          </a:extLst>
        </xdr:cNvPr>
        <xdr:cNvSpPr/>
      </xdr:nvSpPr>
      <xdr:spPr>
        <a:xfrm>
          <a:off x="17162780" y="10603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48804</xdr:rowOff>
    </xdr:from>
    <xdr:to>
      <xdr:col>98</xdr:col>
      <xdr:colOff>38100</xdr:colOff>
      <xdr:row>63</xdr:row>
      <xdr:rowOff>150404</xdr:rowOff>
    </xdr:to>
    <xdr:sp macro="" textlink="">
      <xdr:nvSpPr>
        <xdr:cNvPr id="605" name="フローチャート: 判断 604">
          <a:extLst>
            <a:ext uri="{FF2B5EF4-FFF2-40B4-BE49-F238E27FC236}">
              <a16:creationId xmlns:a16="http://schemas.microsoft.com/office/drawing/2014/main" id="{56E6DA0F-5CFB-4197-A264-23B2F4C9B7DC}"/>
            </a:ext>
          </a:extLst>
        </xdr:cNvPr>
        <xdr:cNvSpPr/>
      </xdr:nvSpPr>
      <xdr:spPr>
        <a:xfrm>
          <a:off x="16388080" y="1061012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6" name="テキスト ボックス 605">
          <a:extLst>
            <a:ext uri="{FF2B5EF4-FFF2-40B4-BE49-F238E27FC236}">
              <a16:creationId xmlns:a16="http://schemas.microsoft.com/office/drawing/2014/main" id="{AE10158A-1F21-4E24-90A9-04E6D24939C8}"/>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7" name="テキスト ボックス 606">
          <a:extLst>
            <a:ext uri="{FF2B5EF4-FFF2-40B4-BE49-F238E27FC236}">
              <a16:creationId xmlns:a16="http://schemas.microsoft.com/office/drawing/2014/main" id="{3784E4CD-B635-48B1-95B3-EB4E8830B5DC}"/>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8" name="テキスト ボックス 607">
          <a:extLst>
            <a:ext uri="{FF2B5EF4-FFF2-40B4-BE49-F238E27FC236}">
              <a16:creationId xmlns:a16="http://schemas.microsoft.com/office/drawing/2014/main" id="{A5832CC4-525D-4472-89F9-50863ABA03FA}"/>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9" name="テキスト ボックス 608">
          <a:extLst>
            <a:ext uri="{FF2B5EF4-FFF2-40B4-BE49-F238E27FC236}">
              <a16:creationId xmlns:a16="http://schemas.microsoft.com/office/drawing/2014/main" id="{4703C757-223F-43B0-AC93-9739371AD334}"/>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0" name="テキスト ボックス 609">
          <a:extLst>
            <a:ext uri="{FF2B5EF4-FFF2-40B4-BE49-F238E27FC236}">
              <a16:creationId xmlns:a16="http://schemas.microsoft.com/office/drawing/2014/main" id="{AAC07B6D-4A3E-46BB-B038-2D27B5D064BF}"/>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36978</xdr:rowOff>
    </xdr:from>
    <xdr:to>
      <xdr:col>116</xdr:col>
      <xdr:colOff>114300</xdr:colOff>
      <xdr:row>64</xdr:row>
      <xdr:rowOff>67128</xdr:rowOff>
    </xdr:to>
    <xdr:sp macro="" textlink="">
      <xdr:nvSpPr>
        <xdr:cNvPr id="611" name="楕円 610">
          <a:extLst>
            <a:ext uri="{FF2B5EF4-FFF2-40B4-BE49-F238E27FC236}">
              <a16:creationId xmlns:a16="http://schemas.microsoft.com/office/drawing/2014/main" id="{2801A6A0-43C2-4597-B824-D48BC87D4BE7}"/>
            </a:ext>
          </a:extLst>
        </xdr:cNvPr>
        <xdr:cNvSpPr/>
      </xdr:nvSpPr>
      <xdr:spPr>
        <a:xfrm>
          <a:off x="19458940" y="1069829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51905</xdr:rowOff>
    </xdr:from>
    <xdr:ext cx="469744" cy="259045"/>
    <xdr:sp macro="" textlink="">
      <xdr:nvSpPr>
        <xdr:cNvPr id="612" name="【保健センター・保健所】&#10;一人当たり面積該当値テキスト">
          <a:extLst>
            <a:ext uri="{FF2B5EF4-FFF2-40B4-BE49-F238E27FC236}">
              <a16:creationId xmlns:a16="http://schemas.microsoft.com/office/drawing/2014/main" id="{CBE5E3C9-07AF-4F5F-A1AB-2C5B3356F09D}"/>
            </a:ext>
          </a:extLst>
        </xdr:cNvPr>
        <xdr:cNvSpPr txBox="1"/>
      </xdr:nvSpPr>
      <xdr:spPr>
        <a:xfrm>
          <a:off x="19547840" y="10613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36978</xdr:rowOff>
    </xdr:from>
    <xdr:to>
      <xdr:col>112</xdr:col>
      <xdr:colOff>38100</xdr:colOff>
      <xdr:row>64</xdr:row>
      <xdr:rowOff>67128</xdr:rowOff>
    </xdr:to>
    <xdr:sp macro="" textlink="">
      <xdr:nvSpPr>
        <xdr:cNvPr id="613" name="楕円 612">
          <a:extLst>
            <a:ext uri="{FF2B5EF4-FFF2-40B4-BE49-F238E27FC236}">
              <a16:creationId xmlns:a16="http://schemas.microsoft.com/office/drawing/2014/main" id="{934A8FEE-3B64-4B2C-87A0-465761DBCA65}"/>
            </a:ext>
          </a:extLst>
        </xdr:cNvPr>
        <xdr:cNvSpPr/>
      </xdr:nvSpPr>
      <xdr:spPr>
        <a:xfrm>
          <a:off x="18735040" y="1069829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6328</xdr:rowOff>
    </xdr:from>
    <xdr:to>
      <xdr:col>116</xdr:col>
      <xdr:colOff>63500</xdr:colOff>
      <xdr:row>64</xdr:row>
      <xdr:rowOff>16328</xdr:rowOff>
    </xdr:to>
    <xdr:cxnSp macro="">
      <xdr:nvCxnSpPr>
        <xdr:cNvPr id="614" name="直線コネクタ 613">
          <a:extLst>
            <a:ext uri="{FF2B5EF4-FFF2-40B4-BE49-F238E27FC236}">
              <a16:creationId xmlns:a16="http://schemas.microsoft.com/office/drawing/2014/main" id="{25EB3C4D-AF34-44B0-AA9A-CDA9732646B6}"/>
            </a:ext>
          </a:extLst>
        </xdr:cNvPr>
        <xdr:cNvCxnSpPr/>
      </xdr:nvCxnSpPr>
      <xdr:spPr>
        <a:xfrm>
          <a:off x="18778220" y="10745288"/>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40244</xdr:rowOff>
    </xdr:from>
    <xdr:to>
      <xdr:col>107</xdr:col>
      <xdr:colOff>101600</xdr:colOff>
      <xdr:row>64</xdr:row>
      <xdr:rowOff>70394</xdr:rowOff>
    </xdr:to>
    <xdr:sp macro="" textlink="">
      <xdr:nvSpPr>
        <xdr:cNvPr id="615" name="楕円 614">
          <a:extLst>
            <a:ext uri="{FF2B5EF4-FFF2-40B4-BE49-F238E27FC236}">
              <a16:creationId xmlns:a16="http://schemas.microsoft.com/office/drawing/2014/main" id="{706CFBAC-630F-458C-8244-F63DAB5015FF}"/>
            </a:ext>
          </a:extLst>
        </xdr:cNvPr>
        <xdr:cNvSpPr/>
      </xdr:nvSpPr>
      <xdr:spPr>
        <a:xfrm>
          <a:off x="17937480" y="107015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6328</xdr:rowOff>
    </xdr:from>
    <xdr:to>
      <xdr:col>111</xdr:col>
      <xdr:colOff>177800</xdr:colOff>
      <xdr:row>64</xdr:row>
      <xdr:rowOff>19594</xdr:rowOff>
    </xdr:to>
    <xdr:cxnSp macro="">
      <xdr:nvCxnSpPr>
        <xdr:cNvPr id="616" name="直線コネクタ 615">
          <a:extLst>
            <a:ext uri="{FF2B5EF4-FFF2-40B4-BE49-F238E27FC236}">
              <a16:creationId xmlns:a16="http://schemas.microsoft.com/office/drawing/2014/main" id="{2D8B99CB-B6C0-4D72-87B3-BBC00CC8D4E0}"/>
            </a:ext>
          </a:extLst>
        </xdr:cNvPr>
        <xdr:cNvCxnSpPr/>
      </xdr:nvCxnSpPr>
      <xdr:spPr>
        <a:xfrm flipV="1">
          <a:off x="17988280" y="10745288"/>
          <a:ext cx="78994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40244</xdr:rowOff>
    </xdr:from>
    <xdr:to>
      <xdr:col>102</xdr:col>
      <xdr:colOff>165100</xdr:colOff>
      <xdr:row>64</xdr:row>
      <xdr:rowOff>70394</xdr:rowOff>
    </xdr:to>
    <xdr:sp macro="" textlink="">
      <xdr:nvSpPr>
        <xdr:cNvPr id="617" name="楕円 616">
          <a:extLst>
            <a:ext uri="{FF2B5EF4-FFF2-40B4-BE49-F238E27FC236}">
              <a16:creationId xmlns:a16="http://schemas.microsoft.com/office/drawing/2014/main" id="{A26B7417-DF64-4E9B-AFB1-8EA571F3637E}"/>
            </a:ext>
          </a:extLst>
        </xdr:cNvPr>
        <xdr:cNvSpPr/>
      </xdr:nvSpPr>
      <xdr:spPr>
        <a:xfrm>
          <a:off x="17162780" y="107015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19594</xdr:rowOff>
    </xdr:from>
    <xdr:to>
      <xdr:col>107</xdr:col>
      <xdr:colOff>50800</xdr:colOff>
      <xdr:row>64</xdr:row>
      <xdr:rowOff>19594</xdr:rowOff>
    </xdr:to>
    <xdr:cxnSp macro="">
      <xdr:nvCxnSpPr>
        <xdr:cNvPr id="618" name="直線コネクタ 617">
          <a:extLst>
            <a:ext uri="{FF2B5EF4-FFF2-40B4-BE49-F238E27FC236}">
              <a16:creationId xmlns:a16="http://schemas.microsoft.com/office/drawing/2014/main" id="{AE46EF50-D008-4CB1-AEFB-50DB1580D118}"/>
            </a:ext>
          </a:extLst>
        </xdr:cNvPr>
        <xdr:cNvCxnSpPr/>
      </xdr:nvCxnSpPr>
      <xdr:spPr>
        <a:xfrm>
          <a:off x="17213580" y="1074855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40244</xdr:rowOff>
    </xdr:from>
    <xdr:to>
      <xdr:col>98</xdr:col>
      <xdr:colOff>38100</xdr:colOff>
      <xdr:row>64</xdr:row>
      <xdr:rowOff>70394</xdr:rowOff>
    </xdr:to>
    <xdr:sp macro="" textlink="">
      <xdr:nvSpPr>
        <xdr:cNvPr id="619" name="楕円 618">
          <a:extLst>
            <a:ext uri="{FF2B5EF4-FFF2-40B4-BE49-F238E27FC236}">
              <a16:creationId xmlns:a16="http://schemas.microsoft.com/office/drawing/2014/main" id="{E955AFEE-EE39-4062-944C-015DE23D32C9}"/>
            </a:ext>
          </a:extLst>
        </xdr:cNvPr>
        <xdr:cNvSpPr/>
      </xdr:nvSpPr>
      <xdr:spPr>
        <a:xfrm>
          <a:off x="16388080" y="107015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19594</xdr:rowOff>
    </xdr:from>
    <xdr:to>
      <xdr:col>102</xdr:col>
      <xdr:colOff>114300</xdr:colOff>
      <xdr:row>64</xdr:row>
      <xdr:rowOff>19594</xdr:rowOff>
    </xdr:to>
    <xdr:cxnSp macro="">
      <xdr:nvCxnSpPr>
        <xdr:cNvPr id="620" name="直線コネクタ 619">
          <a:extLst>
            <a:ext uri="{FF2B5EF4-FFF2-40B4-BE49-F238E27FC236}">
              <a16:creationId xmlns:a16="http://schemas.microsoft.com/office/drawing/2014/main" id="{AB4919E2-3AB6-46EA-BC38-6CB28761078F}"/>
            </a:ext>
          </a:extLst>
        </xdr:cNvPr>
        <xdr:cNvCxnSpPr/>
      </xdr:nvCxnSpPr>
      <xdr:spPr>
        <a:xfrm>
          <a:off x="16431260" y="1074855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66931</xdr:rowOff>
    </xdr:from>
    <xdr:ext cx="469744" cy="259045"/>
    <xdr:sp macro="" textlink="">
      <xdr:nvSpPr>
        <xdr:cNvPr id="621" name="n_1aveValue【保健センター・保健所】&#10;一人当たり面積">
          <a:extLst>
            <a:ext uri="{FF2B5EF4-FFF2-40B4-BE49-F238E27FC236}">
              <a16:creationId xmlns:a16="http://schemas.microsoft.com/office/drawing/2014/main" id="{4BA19B7E-87BA-4612-937A-79B08DD50ABF}"/>
            </a:ext>
          </a:extLst>
        </xdr:cNvPr>
        <xdr:cNvSpPr txBox="1"/>
      </xdr:nvSpPr>
      <xdr:spPr>
        <a:xfrm>
          <a:off x="18561127" y="10392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278</xdr:rowOff>
    </xdr:from>
    <xdr:ext cx="469744" cy="259045"/>
    <xdr:sp macro="" textlink="">
      <xdr:nvSpPr>
        <xdr:cNvPr id="622" name="n_2aveValue【保健センター・保健所】&#10;一人当たり面積">
          <a:extLst>
            <a:ext uri="{FF2B5EF4-FFF2-40B4-BE49-F238E27FC236}">
              <a16:creationId xmlns:a16="http://schemas.microsoft.com/office/drawing/2014/main" id="{D0E18ABC-5351-4972-969E-411C57000E42}"/>
            </a:ext>
          </a:extLst>
        </xdr:cNvPr>
        <xdr:cNvSpPr txBox="1"/>
      </xdr:nvSpPr>
      <xdr:spPr>
        <a:xfrm>
          <a:off x="17776267" y="10398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0400</xdr:rowOff>
    </xdr:from>
    <xdr:ext cx="469744" cy="259045"/>
    <xdr:sp macro="" textlink="">
      <xdr:nvSpPr>
        <xdr:cNvPr id="623" name="n_3aveValue【保健センター・保健所】&#10;一人当たり面積">
          <a:extLst>
            <a:ext uri="{FF2B5EF4-FFF2-40B4-BE49-F238E27FC236}">
              <a16:creationId xmlns:a16="http://schemas.microsoft.com/office/drawing/2014/main" id="{B7125383-0973-4D0E-90E2-2EA2705BDB12}"/>
            </a:ext>
          </a:extLst>
        </xdr:cNvPr>
        <xdr:cNvSpPr txBox="1"/>
      </xdr:nvSpPr>
      <xdr:spPr>
        <a:xfrm>
          <a:off x="17001567" y="1038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66931</xdr:rowOff>
    </xdr:from>
    <xdr:ext cx="469744" cy="259045"/>
    <xdr:sp macro="" textlink="">
      <xdr:nvSpPr>
        <xdr:cNvPr id="624" name="n_4aveValue【保健センター・保健所】&#10;一人当たり面積">
          <a:extLst>
            <a:ext uri="{FF2B5EF4-FFF2-40B4-BE49-F238E27FC236}">
              <a16:creationId xmlns:a16="http://schemas.microsoft.com/office/drawing/2014/main" id="{338E137B-E3AA-4E46-A0A1-0963174496D1}"/>
            </a:ext>
          </a:extLst>
        </xdr:cNvPr>
        <xdr:cNvSpPr txBox="1"/>
      </xdr:nvSpPr>
      <xdr:spPr>
        <a:xfrm>
          <a:off x="16226867" y="10392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58255</xdr:rowOff>
    </xdr:from>
    <xdr:ext cx="469744" cy="259045"/>
    <xdr:sp macro="" textlink="">
      <xdr:nvSpPr>
        <xdr:cNvPr id="625" name="n_1mainValue【保健センター・保健所】&#10;一人当たり面積">
          <a:extLst>
            <a:ext uri="{FF2B5EF4-FFF2-40B4-BE49-F238E27FC236}">
              <a16:creationId xmlns:a16="http://schemas.microsoft.com/office/drawing/2014/main" id="{0674F568-2E57-472C-9FA3-941FCE51C04A}"/>
            </a:ext>
          </a:extLst>
        </xdr:cNvPr>
        <xdr:cNvSpPr txBox="1"/>
      </xdr:nvSpPr>
      <xdr:spPr>
        <a:xfrm>
          <a:off x="18561127" y="10787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61521</xdr:rowOff>
    </xdr:from>
    <xdr:ext cx="469744" cy="259045"/>
    <xdr:sp macro="" textlink="">
      <xdr:nvSpPr>
        <xdr:cNvPr id="626" name="n_2mainValue【保健センター・保健所】&#10;一人当たり面積">
          <a:extLst>
            <a:ext uri="{FF2B5EF4-FFF2-40B4-BE49-F238E27FC236}">
              <a16:creationId xmlns:a16="http://schemas.microsoft.com/office/drawing/2014/main" id="{EBE470DA-C836-4057-B50D-1665BE8BF095}"/>
            </a:ext>
          </a:extLst>
        </xdr:cNvPr>
        <xdr:cNvSpPr txBox="1"/>
      </xdr:nvSpPr>
      <xdr:spPr>
        <a:xfrm>
          <a:off x="1777626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61521</xdr:rowOff>
    </xdr:from>
    <xdr:ext cx="469744" cy="259045"/>
    <xdr:sp macro="" textlink="">
      <xdr:nvSpPr>
        <xdr:cNvPr id="627" name="n_3mainValue【保健センター・保健所】&#10;一人当たり面積">
          <a:extLst>
            <a:ext uri="{FF2B5EF4-FFF2-40B4-BE49-F238E27FC236}">
              <a16:creationId xmlns:a16="http://schemas.microsoft.com/office/drawing/2014/main" id="{2ABF437D-F31A-4843-99CF-37A1DBD33A7E}"/>
            </a:ext>
          </a:extLst>
        </xdr:cNvPr>
        <xdr:cNvSpPr txBox="1"/>
      </xdr:nvSpPr>
      <xdr:spPr>
        <a:xfrm>
          <a:off x="1700156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61521</xdr:rowOff>
    </xdr:from>
    <xdr:ext cx="469744" cy="259045"/>
    <xdr:sp macro="" textlink="">
      <xdr:nvSpPr>
        <xdr:cNvPr id="628" name="n_4mainValue【保健センター・保健所】&#10;一人当たり面積">
          <a:extLst>
            <a:ext uri="{FF2B5EF4-FFF2-40B4-BE49-F238E27FC236}">
              <a16:creationId xmlns:a16="http://schemas.microsoft.com/office/drawing/2014/main" id="{D1FE0F07-9897-48C5-9D3B-6FBA870C2660}"/>
            </a:ext>
          </a:extLst>
        </xdr:cNvPr>
        <xdr:cNvSpPr txBox="1"/>
      </xdr:nvSpPr>
      <xdr:spPr>
        <a:xfrm>
          <a:off x="1622686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9" name="正方形/長方形 628">
          <a:extLst>
            <a:ext uri="{FF2B5EF4-FFF2-40B4-BE49-F238E27FC236}">
              <a16:creationId xmlns:a16="http://schemas.microsoft.com/office/drawing/2014/main" id="{0A2F8393-BDFC-46B7-82F0-9B4A7273A830}"/>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30" name="正方形/長方形 629">
          <a:extLst>
            <a:ext uri="{FF2B5EF4-FFF2-40B4-BE49-F238E27FC236}">
              <a16:creationId xmlns:a16="http://schemas.microsoft.com/office/drawing/2014/main" id="{6FDF9AA7-17D5-4576-B5DC-5189D0DFEBD8}"/>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31" name="正方形/長方形 630">
          <a:extLst>
            <a:ext uri="{FF2B5EF4-FFF2-40B4-BE49-F238E27FC236}">
              <a16:creationId xmlns:a16="http://schemas.microsoft.com/office/drawing/2014/main" id="{DA29A3CC-64E2-49EA-929B-D98EACF98795}"/>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2" name="正方形/長方形 631">
          <a:extLst>
            <a:ext uri="{FF2B5EF4-FFF2-40B4-BE49-F238E27FC236}">
              <a16:creationId xmlns:a16="http://schemas.microsoft.com/office/drawing/2014/main" id="{C1CC1494-5BCC-4199-9380-80AFB6BEEC98}"/>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3" name="正方形/長方形 632">
          <a:extLst>
            <a:ext uri="{FF2B5EF4-FFF2-40B4-BE49-F238E27FC236}">
              <a16:creationId xmlns:a16="http://schemas.microsoft.com/office/drawing/2014/main" id="{4D516793-D20F-4BDE-BFD9-538D7F5060CD}"/>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4" name="正方形/長方形 633">
          <a:extLst>
            <a:ext uri="{FF2B5EF4-FFF2-40B4-BE49-F238E27FC236}">
              <a16:creationId xmlns:a16="http://schemas.microsoft.com/office/drawing/2014/main" id="{61550E06-BB38-4DB5-86DE-94AC4F059186}"/>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5" name="正方形/長方形 634">
          <a:extLst>
            <a:ext uri="{FF2B5EF4-FFF2-40B4-BE49-F238E27FC236}">
              <a16:creationId xmlns:a16="http://schemas.microsoft.com/office/drawing/2014/main" id="{56AC8BF1-A610-4A24-98E1-F1A248523D70}"/>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6" name="正方形/長方形 635">
          <a:extLst>
            <a:ext uri="{FF2B5EF4-FFF2-40B4-BE49-F238E27FC236}">
              <a16:creationId xmlns:a16="http://schemas.microsoft.com/office/drawing/2014/main" id="{CCF84C4A-78FF-4B97-8E4F-9F00EF34A658}"/>
            </a:ext>
          </a:extLst>
        </xdr:cNvPr>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7" name="テキスト ボックス 636">
          <a:extLst>
            <a:ext uri="{FF2B5EF4-FFF2-40B4-BE49-F238E27FC236}">
              <a16:creationId xmlns:a16="http://schemas.microsoft.com/office/drawing/2014/main" id="{27AD35BA-EA65-4723-9DC9-5E52B0E22946}"/>
            </a:ext>
          </a:extLst>
        </xdr:cNvPr>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8" name="直線コネクタ 637">
          <a:extLst>
            <a:ext uri="{FF2B5EF4-FFF2-40B4-BE49-F238E27FC236}">
              <a16:creationId xmlns:a16="http://schemas.microsoft.com/office/drawing/2014/main" id="{61B3E82A-6C97-4AD9-ABAA-12B59C10E13C}"/>
            </a:ext>
          </a:extLst>
        </xdr:cNvPr>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9" name="テキスト ボックス 638">
          <a:extLst>
            <a:ext uri="{FF2B5EF4-FFF2-40B4-BE49-F238E27FC236}">
              <a16:creationId xmlns:a16="http://schemas.microsoft.com/office/drawing/2014/main" id="{6EEF0D7C-94FE-465A-9A81-C43B97018B67}"/>
            </a:ext>
          </a:extLst>
        </xdr:cNvPr>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40" name="直線コネクタ 639">
          <a:extLst>
            <a:ext uri="{FF2B5EF4-FFF2-40B4-BE49-F238E27FC236}">
              <a16:creationId xmlns:a16="http://schemas.microsoft.com/office/drawing/2014/main" id="{77203BCD-1202-4500-87E3-0EB1F71D6EE2}"/>
            </a:ext>
          </a:extLst>
        </xdr:cNvPr>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41" name="テキスト ボックス 640">
          <a:extLst>
            <a:ext uri="{FF2B5EF4-FFF2-40B4-BE49-F238E27FC236}">
              <a16:creationId xmlns:a16="http://schemas.microsoft.com/office/drawing/2014/main" id="{4E60454C-BECC-4C67-96EC-B0B6E57B88C6}"/>
            </a:ext>
          </a:extLst>
        </xdr:cNvPr>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42" name="直線コネクタ 641">
          <a:extLst>
            <a:ext uri="{FF2B5EF4-FFF2-40B4-BE49-F238E27FC236}">
              <a16:creationId xmlns:a16="http://schemas.microsoft.com/office/drawing/2014/main" id="{6F20CB0B-B2E8-4C8F-AF5A-4F5D191CB6FB}"/>
            </a:ext>
          </a:extLst>
        </xdr:cNvPr>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43" name="テキスト ボックス 642">
          <a:extLst>
            <a:ext uri="{FF2B5EF4-FFF2-40B4-BE49-F238E27FC236}">
              <a16:creationId xmlns:a16="http://schemas.microsoft.com/office/drawing/2014/main" id="{290A2513-50A2-4F13-A7AB-2C499423A9FA}"/>
            </a:ext>
          </a:extLst>
        </xdr:cNvPr>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44" name="直線コネクタ 643">
          <a:extLst>
            <a:ext uri="{FF2B5EF4-FFF2-40B4-BE49-F238E27FC236}">
              <a16:creationId xmlns:a16="http://schemas.microsoft.com/office/drawing/2014/main" id="{DFD53526-BFDC-4206-9F24-DC59152BE442}"/>
            </a:ext>
          </a:extLst>
        </xdr:cNvPr>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45" name="テキスト ボックス 644">
          <a:extLst>
            <a:ext uri="{FF2B5EF4-FFF2-40B4-BE49-F238E27FC236}">
              <a16:creationId xmlns:a16="http://schemas.microsoft.com/office/drawing/2014/main" id="{4C4DEFD3-62D4-4702-9E82-C273E3B0EA85}"/>
            </a:ext>
          </a:extLst>
        </xdr:cNvPr>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46" name="直線コネクタ 645">
          <a:extLst>
            <a:ext uri="{FF2B5EF4-FFF2-40B4-BE49-F238E27FC236}">
              <a16:creationId xmlns:a16="http://schemas.microsoft.com/office/drawing/2014/main" id="{DFE7B02B-8059-47B7-ACF0-EF0E66269DA0}"/>
            </a:ext>
          </a:extLst>
        </xdr:cNvPr>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47" name="テキスト ボックス 646">
          <a:extLst>
            <a:ext uri="{FF2B5EF4-FFF2-40B4-BE49-F238E27FC236}">
              <a16:creationId xmlns:a16="http://schemas.microsoft.com/office/drawing/2014/main" id="{08F82A3D-36BF-4FD0-A970-E17CA599F9C9}"/>
            </a:ext>
          </a:extLst>
        </xdr:cNvPr>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48" name="直線コネクタ 647">
          <a:extLst>
            <a:ext uri="{FF2B5EF4-FFF2-40B4-BE49-F238E27FC236}">
              <a16:creationId xmlns:a16="http://schemas.microsoft.com/office/drawing/2014/main" id="{B7A3C9C8-6D07-4255-A8ED-0C6BDF16C7CB}"/>
            </a:ext>
          </a:extLst>
        </xdr:cNvPr>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9" name="テキスト ボックス 648">
          <a:extLst>
            <a:ext uri="{FF2B5EF4-FFF2-40B4-BE49-F238E27FC236}">
              <a16:creationId xmlns:a16="http://schemas.microsoft.com/office/drawing/2014/main" id="{72254933-EF97-4112-B987-013F9985A49D}"/>
            </a:ext>
          </a:extLst>
        </xdr:cNvPr>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50" name="直線コネクタ 649">
          <a:extLst>
            <a:ext uri="{FF2B5EF4-FFF2-40B4-BE49-F238E27FC236}">
              <a16:creationId xmlns:a16="http://schemas.microsoft.com/office/drawing/2014/main" id="{8F149E7E-82B7-4E6A-A5C7-8B389E26C053}"/>
            </a:ext>
          </a:extLst>
        </xdr:cNvPr>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51" name="テキスト ボックス 650">
          <a:extLst>
            <a:ext uri="{FF2B5EF4-FFF2-40B4-BE49-F238E27FC236}">
              <a16:creationId xmlns:a16="http://schemas.microsoft.com/office/drawing/2014/main" id="{EE04690E-B6FC-4D91-9421-29542C505377}"/>
            </a:ext>
          </a:extLst>
        </xdr:cNvPr>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52" name="直線コネクタ 651">
          <a:extLst>
            <a:ext uri="{FF2B5EF4-FFF2-40B4-BE49-F238E27FC236}">
              <a16:creationId xmlns:a16="http://schemas.microsoft.com/office/drawing/2014/main" id="{FF8FA517-F6EC-4DA3-8134-5FEABD5F32C2}"/>
            </a:ext>
          </a:extLst>
        </xdr:cNvPr>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53" name="【消防施設】&#10;有形固定資産減価償却率グラフ枠">
          <a:extLst>
            <a:ext uri="{FF2B5EF4-FFF2-40B4-BE49-F238E27FC236}">
              <a16:creationId xmlns:a16="http://schemas.microsoft.com/office/drawing/2014/main" id="{E76D9393-9456-4E5A-8061-32D25DCD4743}"/>
            </a:ext>
          </a:extLst>
        </xdr:cNvPr>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18111</xdr:rowOff>
    </xdr:from>
    <xdr:to>
      <xdr:col>85</xdr:col>
      <xdr:colOff>126364</xdr:colOff>
      <xdr:row>86</xdr:row>
      <xdr:rowOff>168729</xdr:rowOff>
    </xdr:to>
    <xdr:cxnSp macro="">
      <xdr:nvCxnSpPr>
        <xdr:cNvPr id="654" name="直線コネクタ 653">
          <a:extLst>
            <a:ext uri="{FF2B5EF4-FFF2-40B4-BE49-F238E27FC236}">
              <a16:creationId xmlns:a16="http://schemas.microsoft.com/office/drawing/2014/main" id="{C7012E91-2A72-4851-98C6-6CAA32E4EECE}"/>
            </a:ext>
          </a:extLst>
        </xdr:cNvPr>
        <xdr:cNvCxnSpPr/>
      </xdr:nvCxnSpPr>
      <xdr:spPr>
        <a:xfrm flipV="1">
          <a:off x="14375764" y="13194031"/>
          <a:ext cx="0" cy="13917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55" name="【消防施設】&#10;有形固定資産減価償却率最小値テキスト">
          <a:extLst>
            <a:ext uri="{FF2B5EF4-FFF2-40B4-BE49-F238E27FC236}">
              <a16:creationId xmlns:a16="http://schemas.microsoft.com/office/drawing/2014/main" id="{9BF6FACA-D352-4341-8B61-F329CEDDF8B3}"/>
            </a:ext>
          </a:extLst>
        </xdr:cNvPr>
        <xdr:cNvSpPr txBox="1"/>
      </xdr:nvSpPr>
      <xdr:spPr>
        <a:xfrm>
          <a:off x="14414500" y="14585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56" name="直線コネクタ 655">
          <a:extLst>
            <a:ext uri="{FF2B5EF4-FFF2-40B4-BE49-F238E27FC236}">
              <a16:creationId xmlns:a16="http://schemas.microsoft.com/office/drawing/2014/main" id="{3A687D01-CBC2-44F3-95A1-DC51DEC5C23D}"/>
            </a:ext>
          </a:extLst>
        </xdr:cNvPr>
        <xdr:cNvCxnSpPr/>
      </xdr:nvCxnSpPr>
      <xdr:spPr>
        <a:xfrm>
          <a:off x="14287500" y="145857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4788</xdr:rowOff>
    </xdr:from>
    <xdr:ext cx="405111" cy="259045"/>
    <xdr:sp macro="" textlink="">
      <xdr:nvSpPr>
        <xdr:cNvPr id="657" name="【消防施設】&#10;有形固定資産減価償却率最大値テキスト">
          <a:extLst>
            <a:ext uri="{FF2B5EF4-FFF2-40B4-BE49-F238E27FC236}">
              <a16:creationId xmlns:a16="http://schemas.microsoft.com/office/drawing/2014/main" id="{5F3BDD9F-BCFC-44BE-B48D-1070A6C7FEAA}"/>
            </a:ext>
          </a:extLst>
        </xdr:cNvPr>
        <xdr:cNvSpPr txBox="1"/>
      </xdr:nvSpPr>
      <xdr:spPr>
        <a:xfrm>
          <a:off x="14414500" y="129730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18111</xdr:rowOff>
    </xdr:from>
    <xdr:to>
      <xdr:col>86</xdr:col>
      <xdr:colOff>25400</xdr:colOff>
      <xdr:row>78</xdr:row>
      <xdr:rowOff>118111</xdr:rowOff>
    </xdr:to>
    <xdr:cxnSp macro="">
      <xdr:nvCxnSpPr>
        <xdr:cNvPr id="658" name="直線コネクタ 657">
          <a:extLst>
            <a:ext uri="{FF2B5EF4-FFF2-40B4-BE49-F238E27FC236}">
              <a16:creationId xmlns:a16="http://schemas.microsoft.com/office/drawing/2014/main" id="{010ECA08-4A37-4CDE-92F6-CC11A5DECA95}"/>
            </a:ext>
          </a:extLst>
        </xdr:cNvPr>
        <xdr:cNvCxnSpPr/>
      </xdr:nvCxnSpPr>
      <xdr:spPr>
        <a:xfrm>
          <a:off x="14287500" y="1319403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379</xdr:rowOff>
    </xdr:from>
    <xdr:ext cx="405111" cy="259045"/>
    <xdr:sp macro="" textlink="">
      <xdr:nvSpPr>
        <xdr:cNvPr id="659" name="【消防施設】&#10;有形固定資産減価償却率平均値テキスト">
          <a:extLst>
            <a:ext uri="{FF2B5EF4-FFF2-40B4-BE49-F238E27FC236}">
              <a16:creationId xmlns:a16="http://schemas.microsoft.com/office/drawing/2014/main" id="{ACC5D999-5454-4A07-9D9E-100D212B939F}"/>
            </a:ext>
          </a:extLst>
        </xdr:cNvPr>
        <xdr:cNvSpPr txBox="1"/>
      </xdr:nvSpPr>
      <xdr:spPr>
        <a:xfrm>
          <a:off x="14414500" y="137468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48952</xdr:rowOff>
    </xdr:from>
    <xdr:to>
      <xdr:col>85</xdr:col>
      <xdr:colOff>177800</xdr:colOff>
      <xdr:row>83</xdr:row>
      <xdr:rowOff>79102</xdr:rowOff>
    </xdr:to>
    <xdr:sp macro="" textlink="">
      <xdr:nvSpPr>
        <xdr:cNvPr id="660" name="フローチャート: 判断 659">
          <a:extLst>
            <a:ext uri="{FF2B5EF4-FFF2-40B4-BE49-F238E27FC236}">
              <a16:creationId xmlns:a16="http://schemas.microsoft.com/office/drawing/2014/main" id="{A061D727-5EB5-4852-99F1-B73B436E2707}"/>
            </a:ext>
          </a:extLst>
        </xdr:cNvPr>
        <xdr:cNvSpPr/>
      </xdr:nvSpPr>
      <xdr:spPr>
        <a:xfrm>
          <a:off x="14325600" y="13895432"/>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42421</xdr:rowOff>
    </xdr:from>
    <xdr:to>
      <xdr:col>81</xdr:col>
      <xdr:colOff>101600</xdr:colOff>
      <xdr:row>83</xdr:row>
      <xdr:rowOff>72571</xdr:rowOff>
    </xdr:to>
    <xdr:sp macro="" textlink="">
      <xdr:nvSpPr>
        <xdr:cNvPr id="661" name="フローチャート: 判断 660">
          <a:extLst>
            <a:ext uri="{FF2B5EF4-FFF2-40B4-BE49-F238E27FC236}">
              <a16:creationId xmlns:a16="http://schemas.microsoft.com/office/drawing/2014/main" id="{E8473927-1544-4995-993A-552072CE916F}"/>
            </a:ext>
          </a:extLst>
        </xdr:cNvPr>
        <xdr:cNvSpPr/>
      </xdr:nvSpPr>
      <xdr:spPr>
        <a:xfrm>
          <a:off x="13578840" y="138889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30992</xdr:rowOff>
    </xdr:from>
    <xdr:to>
      <xdr:col>76</xdr:col>
      <xdr:colOff>165100</xdr:colOff>
      <xdr:row>83</xdr:row>
      <xdr:rowOff>61142</xdr:rowOff>
    </xdr:to>
    <xdr:sp macro="" textlink="">
      <xdr:nvSpPr>
        <xdr:cNvPr id="662" name="フローチャート: 判断 661">
          <a:extLst>
            <a:ext uri="{FF2B5EF4-FFF2-40B4-BE49-F238E27FC236}">
              <a16:creationId xmlns:a16="http://schemas.microsoft.com/office/drawing/2014/main" id="{50A2402A-39F5-45D3-8731-E4C806A764E1}"/>
            </a:ext>
          </a:extLst>
        </xdr:cNvPr>
        <xdr:cNvSpPr/>
      </xdr:nvSpPr>
      <xdr:spPr>
        <a:xfrm>
          <a:off x="12804140" y="1387747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14663</xdr:rowOff>
    </xdr:from>
    <xdr:to>
      <xdr:col>72</xdr:col>
      <xdr:colOff>38100</xdr:colOff>
      <xdr:row>83</xdr:row>
      <xdr:rowOff>44813</xdr:rowOff>
    </xdr:to>
    <xdr:sp macro="" textlink="">
      <xdr:nvSpPr>
        <xdr:cNvPr id="663" name="フローチャート: 判断 662">
          <a:extLst>
            <a:ext uri="{FF2B5EF4-FFF2-40B4-BE49-F238E27FC236}">
              <a16:creationId xmlns:a16="http://schemas.microsoft.com/office/drawing/2014/main" id="{B721B8F7-1444-403E-BDC0-02FF0012F3F1}"/>
            </a:ext>
          </a:extLst>
        </xdr:cNvPr>
        <xdr:cNvSpPr/>
      </xdr:nvSpPr>
      <xdr:spPr>
        <a:xfrm>
          <a:off x="12029440" y="1386114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83638</xdr:rowOff>
    </xdr:from>
    <xdr:to>
      <xdr:col>67</xdr:col>
      <xdr:colOff>101600</xdr:colOff>
      <xdr:row>83</xdr:row>
      <xdr:rowOff>13788</xdr:rowOff>
    </xdr:to>
    <xdr:sp macro="" textlink="">
      <xdr:nvSpPr>
        <xdr:cNvPr id="664" name="フローチャート: 判断 663">
          <a:extLst>
            <a:ext uri="{FF2B5EF4-FFF2-40B4-BE49-F238E27FC236}">
              <a16:creationId xmlns:a16="http://schemas.microsoft.com/office/drawing/2014/main" id="{080F27CA-E55F-405A-B520-FBC37AC0AD3E}"/>
            </a:ext>
          </a:extLst>
        </xdr:cNvPr>
        <xdr:cNvSpPr/>
      </xdr:nvSpPr>
      <xdr:spPr>
        <a:xfrm>
          <a:off x="11231880" y="1383011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5" name="テキスト ボックス 664">
          <a:extLst>
            <a:ext uri="{FF2B5EF4-FFF2-40B4-BE49-F238E27FC236}">
              <a16:creationId xmlns:a16="http://schemas.microsoft.com/office/drawing/2014/main" id="{4A0D1874-E9EB-40F7-AAA2-56687A29B44C}"/>
            </a:ext>
          </a:extLst>
        </xdr:cNvPr>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6" name="テキスト ボックス 665">
          <a:extLst>
            <a:ext uri="{FF2B5EF4-FFF2-40B4-BE49-F238E27FC236}">
              <a16:creationId xmlns:a16="http://schemas.microsoft.com/office/drawing/2014/main" id="{11EEAC3E-89AA-4D0E-B50B-7C3201C40D9E}"/>
            </a:ext>
          </a:extLst>
        </xdr:cNvPr>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7" name="テキスト ボックス 666">
          <a:extLst>
            <a:ext uri="{FF2B5EF4-FFF2-40B4-BE49-F238E27FC236}">
              <a16:creationId xmlns:a16="http://schemas.microsoft.com/office/drawing/2014/main" id="{4A83CB1E-8EA1-43B0-B9ED-31E2BB0A720F}"/>
            </a:ext>
          </a:extLst>
        </xdr:cNvPr>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8" name="テキスト ボックス 667">
          <a:extLst>
            <a:ext uri="{FF2B5EF4-FFF2-40B4-BE49-F238E27FC236}">
              <a16:creationId xmlns:a16="http://schemas.microsoft.com/office/drawing/2014/main" id="{F443CE91-038B-415A-8516-186F94186D50}"/>
            </a:ext>
          </a:extLst>
        </xdr:cNvPr>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9" name="テキスト ボックス 668">
          <a:extLst>
            <a:ext uri="{FF2B5EF4-FFF2-40B4-BE49-F238E27FC236}">
              <a16:creationId xmlns:a16="http://schemas.microsoft.com/office/drawing/2014/main" id="{089C52F6-49D1-4C94-BFA3-D41A844BECED}"/>
            </a:ext>
          </a:extLst>
        </xdr:cNvPr>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65677</xdr:rowOff>
    </xdr:from>
    <xdr:to>
      <xdr:col>85</xdr:col>
      <xdr:colOff>177800</xdr:colOff>
      <xdr:row>84</xdr:row>
      <xdr:rowOff>167277</xdr:rowOff>
    </xdr:to>
    <xdr:sp macro="" textlink="">
      <xdr:nvSpPr>
        <xdr:cNvPr id="670" name="楕円 669">
          <a:extLst>
            <a:ext uri="{FF2B5EF4-FFF2-40B4-BE49-F238E27FC236}">
              <a16:creationId xmlns:a16="http://schemas.microsoft.com/office/drawing/2014/main" id="{ED68FA7D-3191-4E21-BD11-2C53C5F1B28F}"/>
            </a:ext>
          </a:extLst>
        </xdr:cNvPr>
        <xdr:cNvSpPr/>
      </xdr:nvSpPr>
      <xdr:spPr>
        <a:xfrm>
          <a:off x="14325600" y="14147437"/>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44104</xdr:rowOff>
    </xdr:from>
    <xdr:ext cx="405111" cy="259045"/>
    <xdr:sp macro="" textlink="">
      <xdr:nvSpPr>
        <xdr:cNvPr id="671" name="【消防施設】&#10;有形固定資産減価償却率該当値テキスト">
          <a:extLst>
            <a:ext uri="{FF2B5EF4-FFF2-40B4-BE49-F238E27FC236}">
              <a16:creationId xmlns:a16="http://schemas.microsoft.com/office/drawing/2014/main" id="{7EFA42C9-1AD7-48D3-B685-70CD3A32B60D}"/>
            </a:ext>
          </a:extLst>
        </xdr:cNvPr>
        <xdr:cNvSpPr txBox="1"/>
      </xdr:nvSpPr>
      <xdr:spPr>
        <a:xfrm>
          <a:off x="14414500" y="14125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41184</xdr:rowOff>
    </xdr:from>
    <xdr:to>
      <xdr:col>81</xdr:col>
      <xdr:colOff>101600</xdr:colOff>
      <xdr:row>84</xdr:row>
      <xdr:rowOff>142784</xdr:rowOff>
    </xdr:to>
    <xdr:sp macro="" textlink="">
      <xdr:nvSpPr>
        <xdr:cNvPr id="672" name="楕円 671">
          <a:extLst>
            <a:ext uri="{FF2B5EF4-FFF2-40B4-BE49-F238E27FC236}">
              <a16:creationId xmlns:a16="http://schemas.microsoft.com/office/drawing/2014/main" id="{7F9E4294-48AD-4A8F-989D-7F3FE910CA21}"/>
            </a:ext>
          </a:extLst>
        </xdr:cNvPr>
        <xdr:cNvSpPr/>
      </xdr:nvSpPr>
      <xdr:spPr>
        <a:xfrm>
          <a:off x="13578840" y="14122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91984</xdr:rowOff>
    </xdr:from>
    <xdr:to>
      <xdr:col>85</xdr:col>
      <xdr:colOff>127000</xdr:colOff>
      <xdr:row>84</xdr:row>
      <xdr:rowOff>116477</xdr:rowOff>
    </xdr:to>
    <xdr:cxnSp macro="">
      <xdr:nvCxnSpPr>
        <xdr:cNvPr id="673" name="直線コネクタ 672">
          <a:extLst>
            <a:ext uri="{FF2B5EF4-FFF2-40B4-BE49-F238E27FC236}">
              <a16:creationId xmlns:a16="http://schemas.microsoft.com/office/drawing/2014/main" id="{E66F4337-AECB-4CB5-8F38-1B57AD6E5AE0}"/>
            </a:ext>
          </a:extLst>
        </xdr:cNvPr>
        <xdr:cNvCxnSpPr/>
      </xdr:nvCxnSpPr>
      <xdr:spPr>
        <a:xfrm>
          <a:off x="13629640" y="14173744"/>
          <a:ext cx="74676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5262</xdr:rowOff>
    </xdr:from>
    <xdr:to>
      <xdr:col>76</xdr:col>
      <xdr:colOff>165100</xdr:colOff>
      <xdr:row>84</xdr:row>
      <xdr:rowOff>106862</xdr:rowOff>
    </xdr:to>
    <xdr:sp macro="" textlink="">
      <xdr:nvSpPr>
        <xdr:cNvPr id="674" name="楕円 673">
          <a:extLst>
            <a:ext uri="{FF2B5EF4-FFF2-40B4-BE49-F238E27FC236}">
              <a16:creationId xmlns:a16="http://schemas.microsoft.com/office/drawing/2014/main" id="{E4D26952-8922-47C9-B94F-FDC55734BEC1}"/>
            </a:ext>
          </a:extLst>
        </xdr:cNvPr>
        <xdr:cNvSpPr/>
      </xdr:nvSpPr>
      <xdr:spPr>
        <a:xfrm>
          <a:off x="12804140" y="14087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56062</xdr:rowOff>
    </xdr:from>
    <xdr:to>
      <xdr:col>81</xdr:col>
      <xdr:colOff>50800</xdr:colOff>
      <xdr:row>84</xdr:row>
      <xdr:rowOff>91984</xdr:rowOff>
    </xdr:to>
    <xdr:cxnSp macro="">
      <xdr:nvCxnSpPr>
        <xdr:cNvPr id="675" name="直線コネクタ 674">
          <a:extLst>
            <a:ext uri="{FF2B5EF4-FFF2-40B4-BE49-F238E27FC236}">
              <a16:creationId xmlns:a16="http://schemas.microsoft.com/office/drawing/2014/main" id="{FD11749C-B130-4347-BC50-B398D473B14E}"/>
            </a:ext>
          </a:extLst>
        </xdr:cNvPr>
        <xdr:cNvCxnSpPr/>
      </xdr:nvCxnSpPr>
      <xdr:spPr>
        <a:xfrm>
          <a:off x="12854940" y="14137822"/>
          <a:ext cx="7747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44055</xdr:rowOff>
    </xdr:from>
    <xdr:to>
      <xdr:col>72</xdr:col>
      <xdr:colOff>38100</xdr:colOff>
      <xdr:row>84</xdr:row>
      <xdr:rowOff>74205</xdr:rowOff>
    </xdr:to>
    <xdr:sp macro="" textlink="">
      <xdr:nvSpPr>
        <xdr:cNvPr id="676" name="楕円 675">
          <a:extLst>
            <a:ext uri="{FF2B5EF4-FFF2-40B4-BE49-F238E27FC236}">
              <a16:creationId xmlns:a16="http://schemas.microsoft.com/office/drawing/2014/main" id="{EABDBBBE-620A-4E70-AC47-D6C8FF6825CD}"/>
            </a:ext>
          </a:extLst>
        </xdr:cNvPr>
        <xdr:cNvSpPr/>
      </xdr:nvSpPr>
      <xdr:spPr>
        <a:xfrm>
          <a:off x="12029440" y="1405817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23405</xdr:rowOff>
    </xdr:from>
    <xdr:to>
      <xdr:col>76</xdr:col>
      <xdr:colOff>114300</xdr:colOff>
      <xdr:row>84</xdr:row>
      <xdr:rowOff>56062</xdr:rowOff>
    </xdr:to>
    <xdr:cxnSp macro="">
      <xdr:nvCxnSpPr>
        <xdr:cNvPr id="677" name="直線コネクタ 676">
          <a:extLst>
            <a:ext uri="{FF2B5EF4-FFF2-40B4-BE49-F238E27FC236}">
              <a16:creationId xmlns:a16="http://schemas.microsoft.com/office/drawing/2014/main" id="{84639A89-0E01-4C2A-AA6B-2B949C66F975}"/>
            </a:ext>
          </a:extLst>
        </xdr:cNvPr>
        <xdr:cNvCxnSpPr/>
      </xdr:nvCxnSpPr>
      <xdr:spPr>
        <a:xfrm>
          <a:off x="12072620" y="14105165"/>
          <a:ext cx="78232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106499</xdr:rowOff>
    </xdr:from>
    <xdr:to>
      <xdr:col>67</xdr:col>
      <xdr:colOff>101600</xdr:colOff>
      <xdr:row>84</xdr:row>
      <xdr:rowOff>36649</xdr:rowOff>
    </xdr:to>
    <xdr:sp macro="" textlink="">
      <xdr:nvSpPr>
        <xdr:cNvPr id="678" name="楕円 677">
          <a:extLst>
            <a:ext uri="{FF2B5EF4-FFF2-40B4-BE49-F238E27FC236}">
              <a16:creationId xmlns:a16="http://schemas.microsoft.com/office/drawing/2014/main" id="{765B3AE5-F757-410D-A453-16F3DC74BB73}"/>
            </a:ext>
          </a:extLst>
        </xdr:cNvPr>
        <xdr:cNvSpPr/>
      </xdr:nvSpPr>
      <xdr:spPr>
        <a:xfrm>
          <a:off x="11231880" y="1402061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157299</xdr:rowOff>
    </xdr:from>
    <xdr:to>
      <xdr:col>71</xdr:col>
      <xdr:colOff>177800</xdr:colOff>
      <xdr:row>84</xdr:row>
      <xdr:rowOff>23405</xdr:rowOff>
    </xdr:to>
    <xdr:cxnSp macro="">
      <xdr:nvCxnSpPr>
        <xdr:cNvPr id="679" name="直線コネクタ 678">
          <a:extLst>
            <a:ext uri="{FF2B5EF4-FFF2-40B4-BE49-F238E27FC236}">
              <a16:creationId xmlns:a16="http://schemas.microsoft.com/office/drawing/2014/main" id="{32EA81CD-E360-4947-A49B-221C9FED8F76}"/>
            </a:ext>
          </a:extLst>
        </xdr:cNvPr>
        <xdr:cNvCxnSpPr/>
      </xdr:nvCxnSpPr>
      <xdr:spPr>
        <a:xfrm>
          <a:off x="11282680" y="14071419"/>
          <a:ext cx="789940" cy="33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89098</xdr:rowOff>
    </xdr:from>
    <xdr:ext cx="405111" cy="259045"/>
    <xdr:sp macro="" textlink="">
      <xdr:nvSpPr>
        <xdr:cNvPr id="680" name="n_1aveValue【消防施設】&#10;有形固定資産減価償却率">
          <a:extLst>
            <a:ext uri="{FF2B5EF4-FFF2-40B4-BE49-F238E27FC236}">
              <a16:creationId xmlns:a16="http://schemas.microsoft.com/office/drawing/2014/main" id="{3179E37F-2DD6-44E0-98BC-CB4DBC5E3E6E}"/>
            </a:ext>
          </a:extLst>
        </xdr:cNvPr>
        <xdr:cNvSpPr txBox="1"/>
      </xdr:nvSpPr>
      <xdr:spPr>
        <a:xfrm>
          <a:off x="13437244" y="13667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77669</xdr:rowOff>
    </xdr:from>
    <xdr:ext cx="405111" cy="259045"/>
    <xdr:sp macro="" textlink="">
      <xdr:nvSpPr>
        <xdr:cNvPr id="681" name="n_2aveValue【消防施設】&#10;有形固定資産減価償却率">
          <a:extLst>
            <a:ext uri="{FF2B5EF4-FFF2-40B4-BE49-F238E27FC236}">
              <a16:creationId xmlns:a16="http://schemas.microsoft.com/office/drawing/2014/main" id="{215C54EC-C987-4CBF-998C-208A63CFD2F1}"/>
            </a:ext>
          </a:extLst>
        </xdr:cNvPr>
        <xdr:cNvSpPr txBox="1"/>
      </xdr:nvSpPr>
      <xdr:spPr>
        <a:xfrm>
          <a:off x="12675244" y="13656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61340</xdr:rowOff>
    </xdr:from>
    <xdr:ext cx="405111" cy="259045"/>
    <xdr:sp macro="" textlink="">
      <xdr:nvSpPr>
        <xdr:cNvPr id="682" name="n_3aveValue【消防施設】&#10;有形固定資産減価償却率">
          <a:extLst>
            <a:ext uri="{FF2B5EF4-FFF2-40B4-BE49-F238E27FC236}">
              <a16:creationId xmlns:a16="http://schemas.microsoft.com/office/drawing/2014/main" id="{7ABA5529-10D5-49FD-AE41-E4ABEEAD550A}"/>
            </a:ext>
          </a:extLst>
        </xdr:cNvPr>
        <xdr:cNvSpPr txBox="1"/>
      </xdr:nvSpPr>
      <xdr:spPr>
        <a:xfrm>
          <a:off x="11900544" y="136401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30315</xdr:rowOff>
    </xdr:from>
    <xdr:ext cx="405111" cy="259045"/>
    <xdr:sp macro="" textlink="">
      <xdr:nvSpPr>
        <xdr:cNvPr id="683" name="n_4aveValue【消防施設】&#10;有形固定資産減価償却率">
          <a:extLst>
            <a:ext uri="{FF2B5EF4-FFF2-40B4-BE49-F238E27FC236}">
              <a16:creationId xmlns:a16="http://schemas.microsoft.com/office/drawing/2014/main" id="{A74D0AA5-2075-4BEB-B359-262C7C007D6F}"/>
            </a:ext>
          </a:extLst>
        </xdr:cNvPr>
        <xdr:cNvSpPr txBox="1"/>
      </xdr:nvSpPr>
      <xdr:spPr>
        <a:xfrm>
          <a:off x="11102984" y="13609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133911</xdr:rowOff>
    </xdr:from>
    <xdr:ext cx="405111" cy="259045"/>
    <xdr:sp macro="" textlink="">
      <xdr:nvSpPr>
        <xdr:cNvPr id="684" name="n_1mainValue【消防施設】&#10;有形固定資産減価償却率">
          <a:extLst>
            <a:ext uri="{FF2B5EF4-FFF2-40B4-BE49-F238E27FC236}">
              <a16:creationId xmlns:a16="http://schemas.microsoft.com/office/drawing/2014/main" id="{648E421A-4879-4184-8185-862376908592}"/>
            </a:ext>
          </a:extLst>
        </xdr:cNvPr>
        <xdr:cNvSpPr txBox="1"/>
      </xdr:nvSpPr>
      <xdr:spPr>
        <a:xfrm>
          <a:off x="13437244" y="142156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97989</xdr:rowOff>
    </xdr:from>
    <xdr:ext cx="405111" cy="259045"/>
    <xdr:sp macro="" textlink="">
      <xdr:nvSpPr>
        <xdr:cNvPr id="685" name="n_2mainValue【消防施設】&#10;有形固定資産減価償却率">
          <a:extLst>
            <a:ext uri="{FF2B5EF4-FFF2-40B4-BE49-F238E27FC236}">
              <a16:creationId xmlns:a16="http://schemas.microsoft.com/office/drawing/2014/main" id="{C3BC172B-E280-4655-8120-4F605F3293E0}"/>
            </a:ext>
          </a:extLst>
        </xdr:cNvPr>
        <xdr:cNvSpPr txBox="1"/>
      </xdr:nvSpPr>
      <xdr:spPr>
        <a:xfrm>
          <a:off x="12675244" y="141797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65332</xdr:rowOff>
    </xdr:from>
    <xdr:ext cx="405111" cy="259045"/>
    <xdr:sp macro="" textlink="">
      <xdr:nvSpPr>
        <xdr:cNvPr id="686" name="n_3mainValue【消防施設】&#10;有形固定資産減価償却率">
          <a:extLst>
            <a:ext uri="{FF2B5EF4-FFF2-40B4-BE49-F238E27FC236}">
              <a16:creationId xmlns:a16="http://schemas.microsoft.com/office/drawing/2014/main" id="{79D3E33B-7645-4208-984D-39AEF76D7842}"/>
            </a:ext>
          </a:extLst>
        </xdr:cNvPr>
        <xdr:cNvSpPr txBox="1"/>
      </xdr:nvSpPr>
      <xdr:spPr>
        <a:xfrm>
          <a:off x="11900544" y="14147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27776</xdr:rowOff>
    </xdr:from>
    <xdr:ext cx="405111" cy="259045"/>
    <xdr:sp macro="" textlink="">
      <xdr:nvSpPr>
        <xdr:cNvPr id="687" name="n_4mainValue【消防施設】&#10;有形固定資産減価償却率">
          <a:extLst>
            <a:ext uri="{FF2B5EF4-FFF2-40B4-BE49-F238E27FC236}">
              <a16:creationId xmlns:a16="http://schemas.microsoft.com/office/drawing/2014/main" id="{561EC21E-42D2-4905-8B2C-574031368F68}"/>
            </a:ext>
          </a:extLst>
        </xdr:cNvPr>
        <xdr:cNvSpPr txBox="1"/>
      </xdr:nvSpPr>
      <xdr:spPr>
        <a:xfrm>
          <a:off x="11102984" y="14109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8" name="正方形/長方形 687">
          <a:extLst>
            <a:ext uri="{FF2B5EF4-FFF2-40B4-BE49-F238E27FC236}">
              <a16:creationId xmlns:a16="http://schemas.microsoft.com/office/drawing/2014/main" id="{4642DDDD-CF70-4721-816C-026AB172E1DB}"/>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9" name="正方形/長方形 688">
          <a:extLst>
            <a:ext uri="{FF2B5EF4-FFF2-40B4-BE49-F238E27FC236}">
              <a16:creationId xmlns:a16="http://schemas.microsoft.com/office/drawing/2014/main" id="{BC3D23ED-E270-432A-AFB8-DC2F6FE82F8E}"/>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90" name="正方形/長方形 689">
          <a:extLst>
            <a:ext uri="{FF2B5EF4-FFF2-40B4-BE49-F238E27FC236}">
              <a16:creationId xmlns:a16="http://schemas.microsoft.com/office/drawing/2014/main" id="{E6F8F9E3-5F3B-4BE7-A98E-4AC282AA69B4}"/>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91" name="正方形/長方形 690">
          <a:extLst>
            <a:ext uri="{FF2B5EF4-FFF2-40B4-BE49-F238E27FC236}">
              <a16:creationId xmlns:a16="http://schemas.microsoft.com/office/drawing/2014/main" id="{08EC505F-2F33-4E52-9DAB-7E31DCDE3ACE}"/>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92" name="正方形/長方形 691">
          <a:extLst>
            <a:ext uri="{FF2B5EF4-FFF2-40B4-BE49-F238E27FC236}">
              <a16:creationId xmlns:a16="http://schemas.microsoft.com/office/drawing/2014/main" id="{84021439-DC5B-4267-9726-98CECA891B8F}"/>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93" name="正方形/長方形 692">
          <a:extLst>
            <a:ext uri="{FF2B5EF4-FFF2-40B4-BE49-F238E27FC236}">
              <a16:creationId xmlns:a16="http://schemas.microsoft.com/office/drawing/2014/main" id="{3A08414F-3CE2-4059-995B-324BE95073EA}"/>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4" name="正方形/長方形 693">
          <a:extLst>
            <a:ext uri="{FF2B5EF4-FFF2-40B4-BE49-F238E27FC236}">
              <a16:creationId xmlns:a16="http://schemas.microsoft.com/office/drawing/2014/main" id="{D6B298E7-777B-4C7A-B8A7-2C83FF6C8B0C}"/>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5" name="正方形/長方形 694">
          <a:extLst>
            <a:ext uri="{FF2B5EF4-FFF2-40B4-BE49-F238E27FC236}">
              <a16:creationId xmlns:a16="http://schemas.microsoft.com/office/drawing/2014/main" id="{93CBC0F8-F362-4837-97A6-4756F290133D}"/>
            </a:ext>
          </a:extLst>
        </xdr:cNvPr>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6" name="テキスト ボックス 695">
          <a:extLst>
            <a:ext uri="{FF2B5EF4-FFF2-40B4-BE49-F238E27FC236}">
              <a16:creationId xmlns:a16="http://schemas.microsoft.com/office/drawing/2014/main" id="{0E5FDB72-3D40-4FC8-A406-A7B0CA909BC2}"/>
            </a:ext>
          </a:extLst>
        </xdr:cNvPr>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7" name="直線コネクタ 696">
          <a:extLst>
            <a:ext uri="{FF2B5EF4-FFF2-40B4-BE49-F238E27FC236}">
              <a16:creationId xmlns:a16="http://schemas.microsoft.com/office/drawing/2014/main" id="{4A986F88-6E61-411D-938A-A447513804DE}"/>
            </a:ext>
          </a:extLst>
        </xdr:cNvPr>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98" name="直線コネクタ 697">
          <a:extLst>
            <a:ext uri="{FF2B5EF4-FFF2-40B4-BE49-F238E27FC236}">
              <a16:creationId xmlns:a16="http://schemas.microsoft.com/office/drawing/2014/main" id="{74DC6E8A-E12E-430E-A044-7F9F84F917B8}"/>
            </a:ext>
          </a:extLst>
        </xdr:cNvPr>
        <xdr:cNvCxnSpPr/>
      </xdr:nvCxnSpPr>
      <xdr:spPr>
        <a:xfrm>
          <a:off x="1609344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99" name="テキスト ボックス 698">
          <a:extLst>
            <a:ext uri="{FF2B5EF4-FFF2-40B4-BE49-F238E27FC236}">
              <a16:creationId xmlns:a16="http://schemas.microsoft.com/office/drawing/2014/main" id="{43EECF35-FC35-4F2C-8782-FF178CAFF2FD}"/>
            </a:ext>
          </a:extLst>
        </xdr:cNvPr>
        <xdr:cNvSpPr txBox="1"/>
      </xdr:nvSpPr>
      <xdr:spPr>
        <a:xfrm>
          <a:off x="1569484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00" name="直線コネクタ 699">
          <a:extLst>
            <a:ext uri="{FF2B5EF4-FFF2-40B4-BE49-F238E27FC236}">
              <a16:creationId xmlns:a16="http://schemas.microsoft.com/office/drawing/2014/main" id="{D870835E-DFA4-4B7E-94A2-3616D3919E9C}"/>
            </a:ext>
          </a:extLst>
        </xdr:cNvPr>
        <xdr:cNvCxnSpPr/>
      </xdr:nvCxnSpPr>
      <xdr:spPr>
        <a:xfrm>
          <a:off x="1609344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01" name="テキスト ボックス 700">
          <a:extLst>
            <a:ext uri="{FF2B5EF4-FFF2-40B4-BE49-F238E27FC236}">
              <a16:creationId xmlns:a16="http://schemas.microsoft.com/office/drawing/2014/main" id="{BEDC4CC6-7D2E-40A5-93A8-D20012C24160}"/>
            </a:ext>
          </a:extLst>
        </xdr:cNvPr>
        <xdr:cNvSpPr txBox="1"/>
      </xdr:nvSpPr>
      <xdr:spPr>
        <a:xfrm>
          <a:off x="1569484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02" name="直線コネクタ 701">
          <a:extLst>
            <a:ext uri="{FF2B5EF4-FFF2-40B4-BE49-F238E27FC236}">
              <a16:creationId xmlns:a16="http://schemas.microsoft.com/office/drawing/2014/main" id="{052B678D-8948-43A9-A2CC-B49B5F655D96}"/>
            </a:ext>
          </a:extLst>
        </xdr:cNvPr>
        <xdr:cNvCxnSpPr/>
      </xdr:nvCxnSpPr>
      <xdr:spPr>
        <a:xfrm>
          <a:off x="1609344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03" name="テキスト ボックス 702">
          <a:extLst>
            <a:ext uri="{FF2B5EF4-FFF2-40B4-BE49-F238E27FC236}">
              <a16:creationId xmlns:a16="http://schemas.microsoft.com/office/drawing/2014/main" id="{2B399D55-4F64-40C7-BDFF-42EDAD7BAED7}"/>
            </a:ext>
          </a:extLst>
        </xdr:cNvPr>
        <xdr:cNvSpPr txBox="1"/>
      </xdr:nvSpPr>
      <xdr:spPr>
        <a:xfrm>
          <a:off x="1569484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04" name="直線コネクタ 703">
          <a:extLst>
            <a:ext uri="{FF2B5EF4-FFF2-40B4-BE49-F238E27FC236}">
              <a16:creationId xmlns:a16="http://schemas.microsoft.com/office/drawing/2014/main" id="{3C923867-134C-4BDD-A1B2-3D8EE65CC1DB}"/>
            </a:ext>
          </a:extLst>
        </xdr:cNvPr>
        <xdr:cNvCxnSpPr/>
      </xdr:nvCxnSpPr>
      <xdr:spPr>
        <a:xfrm>
          <a:off x="1609344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05" name="テキスト ボックス 704">
          <a:extLst>
            <a:ext uri="{FF2B5EF4-FFF2-40B4-BE49-F238E27FC236}">
              <a16:creationId xmlns:a16="http://schemas.microsoft.com/office/drawing/2014/main" id="{A471A217-5679-4841-996C-3556E7C79318}"/>
            </a:ext>
          </a:extLst>
        </xdr:cNvPr>
        <xdr:cNvSpPr txBox="1"/>
      </xdr:nvSpPr>
      <xdr:spPr>
        <a:xfrm>
          <a:off x="1569484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6" name="直線コネクタ 705">
          <a:extLst>
            <a:ext uri="{FF2B5EF4-FFF2-40B4-BE49-F238E27FC236}">
              <a16:creationId xmlns:a16="http://schemas.microsoft.com/office/drawing/2014/main" id="{C580BF18-5E19-4539-A7AA-FB72411907A9}"/>
            </a:ext>
          </a:extLst>
        </xdr:cNvPr>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7" name="テキスト ボックス 706">
          <a:extLst>
            <a:ext uri="{FF2B5EF4-FFF2-40B4-BE49-F238E27FC236}">
              <a16:creationId xmlns:a16="http://schemas.microsoft.com/office/drawing/2014/main" id="{D5F5F68D-8054-4159-B0B6-C0627C8489A0}"/>
            </a:ext>
          </a:extLst>
        </xdr:cNvPr>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8" name="【消防施設】&#10;一人当たり面積グラフ枠">
          <a:extLst>
            <a:ext uri="{FF2B5EF4-FFF2-40B4-BE49-F238E27FC236}">
              <a16:creationId xmlns:a16="http://schemas.microsoft.com/office/drawing/2014/main" id="{10075F88-5057-48BF-91E6-5B45FA3146D7}"/>
            </a:ext>
          </a:extLst>
        </xdr:cNvPr>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63246</xdr:rowOff>
    </xdr:from>
    <xdr:to>
      <xdr:col>116</xdr:col>
      <xdr:colOff>62864</xdr:colOff>
      <xdr:row>86</xdr:row>
      <xdr:rowOff>10668</xdr:rowOff>
    </xdr:to>
    <xdr:cxnSp macro="">
      <xdr:nvCxnSpPr>
        <xdr:cNvPr id="709" name="直線コネクタ 708">
          <a:extLst>
            <a:ext uri="{FF2B5EF4-FFF2-40B4-BE49-F238E27FC236}">
              <a16:creationId xmlns:a16="http://schemas.microsoft.com/office/drawing/2014/main" id="{01328243-416D-431B-87D8-AFEE28436406}"/>
            </a:ext>
          </a:extLst>
        </xdr:cNvPr>
        <xdr:cNvCxnSpPr/>
      </xdr:nvCxnSpPr>
      <xdr:spPr>
        <a:xfrm flipV="1">
          <a:off x="19509104" y="13306806"/>
          <a:ext cx="0" cy="11209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710" name="【消防施設】&#10;一人当たり面積最小値テキスト">
          <a:extLst>
            <a:ext uri="{FF2B5EF4-FFF2-40B4-BE49-F238E27FC236}">
              <a16:creationId xmlns:a16="http://schemas.microsoft.com/office/drawing/2014/main" id="{84373B0F-E196-4122-97FC-0181DF1AA3F0}"/>
            </a:ext>
          </a:extLst>
        </xdr:cNvPr>
        <xdr:cNvSpPr txBox="1"/>
      </xdr:nvSpPr>
      <xdr:spPr>
        <a:xfrm>
          <a:off x="19547840" y="14431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711" name="直線コネクタ 710">
          <a:extLst>
            <a:ext uri="{FF2B5EF4-FFF2-40B4-BE49-F238E27FC236}">
              <a16:creationId xmlns:a16="http://schemas.microsoft.com/office/drawing/2014/main" id="{429DFDB4-648E-4842-A714-D5860498B193}"/>
            </a:ext>
          </a:extLst>
        </xdr:cNvPr>
        <xdr:cNvCxnSpPr/>
      </xdr:nvCxnSpPr>
      <xdr:spPr>
        <a:xfrm>
          <a:off x="19443700" y="144277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9923</xdr:rowOff>
    </xdr:from>
    <xdr:ext cx="469744" cy="259045"/>
    <xdr:sp macro="" textlink="">
      <xdr:nvSpPr>
        <xdr:cNvPr id="712" name="【消防施設】&#10;一人当たり面積最大値テキスト">
          <a:extLst>
            <a:ext uri="{FF2B5EF4-FFF2-40B4-BE49-F238E27FC236}">
              <a16:creationId xmlns:a16="http://schemas.microsoft.com/office/drawing/2014/main" id="{4A924E8E-436A-4017-9DF4-A005B47A4443}"/>
            </a:ext>
          </a:extLst>
        </xdr:cNvPr>
        <xdr:cNvSpPr txBox="1"/>
      </xdr:nvSpPr>
      <xdr:spPr>
        <a:xfrm>
          <a:off x="19547840" y="13085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63246</xdr:rowOff>
    </xdr:from>
    <xdr:to>
      <xdr:col>116</xdr:col>
      <xdr:colOff>152400</xdr:colOff>
      <xdr:row>79</xdr:row>
      <xdr:rowOff>63246</xdr:rowOff>
    </xdr:to>
    <xdr:cxnSp macro="">
      <xdr:nvCxnSpPr>
        <xdr:cNvPr id="713" name="直線コネクタ 712">
          <a:extLst>
            <a:ext uri="{FF2B5EF4-FFF2-40B4-BE49-F238E27FC236}">
              <a16:creationId xmlns:a16="http://schemas.microsoft.com/office/drawing/2014/main" id="{2DB8736F-B7C3-4D7D-9980-AB7E95531B16}"/>
            </a:ext>
          </a:extLst>
        </xdr:cNvPr>
        <xdr:cNvCxnSpPr/>
      </xdr:nvCxnSpPr>
      <xdr:spPr>
        <a:xfrm>
          <a:off x="19443700" y="133068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28464</xdr:rowOff>
    </xdr:from>
    <xdr:ext cx="469744" cy="259045"/>
    <xdr:sp macro="" textlink="">
      <xdr:nvSpPr>
        <xdr:cNvPr id="714" name="【消防施設】&#10;一人当たり面積平均値テキスト">
          <a:extLst>
            <a:ext uri="{FF2B5EF4-FFF2-40B4-BE49-F238E27FC236}">
              <a16:creationId xmlns:a16="http://schemas.microsoft.com/office/drawing/2014/main" id="{70C71229-DEED-483F-B7C8-58FDBCC157D9}"/>
            </a:ext>
          </a:extLst>
        </xdr:cNvPr>
        <xdr:cNvSpPr txBox="1"/>
      </xdr:nvSpPr>
      <xdr:spPr>
        <a:xfrm>
          <a:off x="19547840" y="139425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7</xdr:rowOff>
    </xdr:from>
    <xdr:to>
      <xdr:col>116</xdr:col>
      <xdr:colOff>114300</xdr:colOff>
      <xdr:row>84</xdr:row>
      <xdr:rowOff>107187</xdr:rowOff>
    </xdr:to>
    <xdr:sp macro="" textlink="">
      <xdr:nvSpPr>
        <xdr:cNvPr id="715" name="フローチャート: 判断 714">
          <a:extLst>
            <a:ext uri="{FF2B5EF4-FFF2-40B4-BE49-F238E27FC236}">
              <a16:creationId xmlns:a16="http://schemas.microsoft.com/office/drawing/2014/main" id="{CD614B8E-9010-45BF-AB09-D80AA1960057}"/>
            </a:ext>
          </a:extLst>
        </xdr:cNvPr>
        <xdr:cNvSpPr/>
      </xdr:nvSpPr>
      <xdr:spPr>
        <a:xfrm>
          <a:off x="19458940" y="14087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732</xdr:rowOff>
    </xdr:from>
    <xdr:to>
      <xdr:col>112</xdr:col>
      <xdr:colOff>38100</xdr:colOff>
      <xdr:row>84</xdr:row>
      <xdr:rowOff>116332</xdr:rowOff>
    </xdr:to>
    <xdr:sp macro="" textlink="">
      <xdr:nvSpPr>
        <xdr:cNvPr id="716" name="フローチャート: 判断 715">
          <a:extLst>
            <a:ext uri="{FF2B5EF4-FFF2-40B4-BE49-F238E27FC236}">
              <a16:creationId xmlns:a16="http://schemas.microsoft.com/office/drawing/2014/main" id="{EA028C9E-58B8-4914-9FDD-77834FFBA5A1}"/>
            </a:ext>
          </a:extLst>
        </xdr:cNvPr>
        <xdr:cNvSpPr/>
      </xdr:nvSpPr>
      <xdr:spPr>
        <a:xfrm>
          <a:off x="18735040" y="1409649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3876</xdr:rowOff>
    </xdr:from>
    <xdr:to>
      <xdr:col>107</xdr:col>
      <xdr:colOff>101600</xdr:colOff>
      <xdr:row>84</xdr:row>
      <xdr:rowOff>125476</xdr:rowOff>
    </xdr:to>
    <xdr:sp macro="" textlink="">
      <xdr:nvSpPr>
        <xdr:cNvPr id="717" name="フローチャート: 判断 716">
          <a:extLst>
            <a:ext uri="{FF2B5EF4-FFF2-40B4-BE49-F238E27FC236}">
              <a16:creationId xmlns:a16="http://schemas.microsoft.com/office/drawing/2014/main" id="{07FFF4DE-A165-451A-B140-63C5BE0ACC0D}"/>
            </a:ext>
          </a:extLst>
        </xdr:cNvPr>
        <xdr:cNvSpPr/>
      </xdr:nvSpPr>
      <xdr:spPr>
        <a:xfrm>
          <a:off x="17937480" y="14105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3876</xdr:rowOff>
    </xdr:from>
    <xdr:to>
      <xdr:col>102</xdr:col>
      <xdr:colOff>165100</xdr:colOff>
      <xdr:row>84</xdr:row>
      <xdr:rowOff>125476</xdr:rowOff>
    </xdr:to>
    <xdr:sp macro="" textlink="">
      <xdr:nvSpPr>
        <xdr:cNvPr id="718" name="フローチャート: 判断 717">
          <a:extLst>
            <a:ext uri="{FF2B5EF4-FFF2-40B4-BE49-F238E27FC236}">
              <a16:creationId xmlns:a16="http://schemas.microsoft.com/office/drawing/2014/main" id="{E64810FB-049B-4A44-A18C-E0FD3CC2C3F4}"/>
            </a:ext>
          </a:extLst>
        </xdr:cNvPr>
        <xdr:cNvSpPr/>
      </xdr:nvSpPr>
      <xdr:spPr>
        <a:xfrm>
          <a:off x="17162780" y="14105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28448</xdr:rowOff>
    </xdr:from>
    <xdr:to>
      <xdr:col>98</xdr:col>
      <xdr:colOff>38100</xdr:colOff>
      <xdr:row>84</xdr:row>
      <xdr:rowOff>130048</xdr:rowOff>
    </xdr:to>
    <xdr:sp macro="" textlink="">
      <xdr:nvSpPr>
        <xdr:cNvPr id="719" name="フローチャート: 判断 718">
          <a:extLst>
            <a:ext uri="{FF2B5EF4-FFF2-40B4-BE49-F238E27FC236}">
              <a16:creationId xmlns:a16="http://schemas.microsoft.com/office/drawing/2014/main" id="{FF512EF4-CA63-4FB2-99F2-E2A12D3B5EF4}"/>
            </a:ext>
          </a:extLst>
        </xdr:cNvPr>
        <xdr:cNvSpPr/>
      </xdr:nvSpPr>
      <xdr:spPr>
        <a:xfrm>
          <a:off x="16388080" y="1411020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id="{E004B429-C940-4ADE-B07D-0D09811DB6AD}"/>
            </a:ext>
          </a:extLst>
        </xdr:cNvPr>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21" name="テキスト ボックス 720">
          <a:extLst>
            <a:ext uri="{FF2B5EF4-FFF2-40B4-BE49-F238E27FC236}">
              <a16:creationId xmlns:a16="http://schemas.microsoft.com/office/drawing/2014/main" id="{410C3A51-CC19-4EED-95A9-AA575EF92FEC}"/>
            </a:ext>
          </a:extLst>
        </xdr:cNvPr>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2" name="テキスト ボックス 721">
          <a:extLst>
            <a:ext uri="{FF2B5EF4-FFF2-40B4-BE49-F238E27FC236}">
              <a16:creationId xmlns:a16="http://schemas.microsoft.com/office/drawing/2014/main" id="{9EDF1DB7-5420-4FB0-B0BA-51731DF33BBB}"/>
            </a:ext>
          </a:extLst>
        </xdr:cNvPr>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3" name="テキスト ボックス 722">
          <a:extLst>
            <a:ext uri="{FF2B5EF4-FFF2-40B4-BE49-F238E27FC236}">
              <a16:creationId xmlns:a16="http://schemas.microsoft.com/office/drawing/2014/main" id="{926881B4-737A-4579-B158-64B72E57DF55}"/>
            </a:ext>
          </a:extLst>
        </xdr:cNvPr>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4" name="テキスト ボックス 723">
          <a:extLst>
            <a:ext uri="{FF2B5EF4-FFF2-40B4-BE49-F238E27FC236}">
              <a16:creationId xmlns:a16="http://schemas.microsoft.com/office/drawing/2014/main" id="{D01C997C-A9CA-42EA-8D1C-4B0ACA11B401}"/>
            </a:ext>
          </a:extLst>
        </xdr:cNvPr>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0452</xdr:rowOff>
    </xdr:from>
    <xdr:to>
      <xdr:col>116</xdr:col>
      <xdr:colOff>114300</xdr:colOff>
      <xdr:row>84</xdr:row>
      <xdr:rowOff>162052</xdr:rowOff>
    </xdr:to>
    <xdr:sp macro="" textlink="">
      <xdr:nvSpPr>
        <xdr:cNvPr id="725" name="楕円 724">
          <a:extLst>
            <a:ext uri="{FF2B5EF4-FFF2-40B4-BE49-F238E27FC236}">
              <a16:creationId xmlns:a16="http://schemas.microsoft.com/office/drawing/2014/main" id="{504B4229-F164-4AB1-B277-0C8BCC8A9692}"/>
            </a:ext>
          </a:extLst>
        </xdr:cNvPr>
        <xdr:cNvSpPr/>
      </xdr:nvSpPr>
      <xdr:spPr>
        <a:xfrm>
          <a:off x="19458940" y="14142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38879</xdr:rowOff>
    </xdr:from>
    <xdr:ext cx="469744" cy="259045"/>
    <xdr:sp macro="" textlink="">
      <xdr:nvSpPr>
        <xdr:cNvPr id="726" name="【消防施設】&#10;一人当たり面積該当値テキスト">
          <a:extLst>
            <a:ext uri="{FF2B5EF4-FFF2-40B4-BE49-F238E27FC236}">
              <a16:creationId xmlns:a16="http://schemas.microsoft.com/office/drawing/2014/main" id="{EA74E9E8-DF99-4C31-88B0-496D136FF86B}"/>
            </a:ext>
          </a:extLst>
        </xdr:cNvPr>
        <xdr:cNvSpPr txBox="1"/>
      </xdr:nvSpPr>
      <xdr:spPr>
        <a:xfrm>
          <a:off x="19547840" y="14120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60452</xdr:rowOff>
    </xdr:from>
    <xdr:to>
      <xdr:col>112</xdr:col>
      <xdr:colOff>38100</xdr:colOff>
      <xdr:row>84</xdr:row>
      <xdr:rowOff>162052</xdr:rowOff>
    </xdr:to>
    <xdr:sp macro="" textlink="">
      <xdr:nvSpPr>
        <xdr:cNvPr id="727" name="楕円 726">
          <a:extLst>
            <a:ext uri="{FF2B5EF4-FFF2-40B4-BE49-F238E27FC236}">
              <a16:creationId xmlns:a16="http://schemas.microsoft.com/office/drawing/2014/main" id="{28E8529B-6328-407E-9D6E-BEF6337B919A}"/>
            </a:ext>
          </a:extLst>
        </xdr:cNvPr>
        <xdr:cNvSpPr/>
      </xdr:nvSpPr>
      <xdr:spPr>
        <a:xfrm>
          <a:off x="18735040" y="1414221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11252</xdr:rowOff>
    </xdr:from>
    <xdr:to>
      <xdr:col>116</xdr:col>
      <xdr:colOff>63500</xdr:colOff>
      <xdr:row>84</xdr:row>
      <xdr:rowOff>111252</xdr:rowOff>
    </xdr:to>
    <xdr:cxnSp macro="">
      <xdr:nvCxnSpPr>
        <xdr:cNvPr id="728" name="直線コネクタ 727">
          <a:extLst>
            <a:ext uri="{FF2B5EF4-FFF2-40B4-BE49-F238E27FC236}">
              <a16:creationId xmlns:a16="http://schemas.microsoft.com/office/drawing/2014/main" id="{B7EDE4DE-6FD7-4BFD-93DA-F3A24E0EB36F}"/>
            </a:ext>
          </a:extLst>
        </xdr:cNvPr>
        <xdr:cNvCxnSpPr/>
      </xdr:nvCxnSpPr>
      <xdr:spPr>
        <a:xfrm>
          <a:off x="18778220" y="14193012"/>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60452</xdr:rowOff>
    </xdr:from>
    <xdr:to>
      <xdr:col>107</xdr:col>
      <xdr:colOff>101600</xdr:colOff>
      <xdr:row>84</xdr:row>
      <xdr:rowOff>162052</xdr:rowOff>
    </xdr:to>
    <xdr:sp macro="" textlink="">
      <xdr:nvSpPr>
        <xdr:cNvPr id="729" name="楕円 728">
          <a:extLst>
            <a:ext uri="{FF2B5EF4-FFF2-40B4-BE49-F238E27FC236}">
              <a16:creationId xmlns:a16="http://schemas.microsoft.com/office/drawing/2014/main" id="{4335A460-EB7E-4533-A14F-F08F6C83DA1D}"/>
            </a:ext>
          </a:extLst>
        </xdr:cNvPr>
        <xdr:cNvSpPr/>
      </xdr:nvSpPr>
      <xdr:spPr>
        <a:xfrm>
          <a:off x="17937480" y="14142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11252</xdr:rowOff>
    </xdr:from>
    <xdr:to>
      <xdr:col>111</xdr:col>
      <xdr:colOff>177800</xdr:colOff>
      <xdr:row>84</xdr:row>
      <xdr:rowOff>111252</xdr:rowOff>
    </xdr:to>
    <xdr:cxnSp macro="">
      <xdr:nvCxnSpPr>
        <xdr:cNvPr id="730" name="直線コネクタ 729">
          <a:extLst>
            <a:ext uri="{FF2B5EF4-FFF2-40B4-BE49-F238E27FC236}">
              <a16:creationId xmlns:a16="http://schemas.microsoft.com/office/drawing/2014/main" id="{F1B243EC-2D4F-47E9-87F4-996A1E29B6BD}"/>
            </a:ext>
          </a:extLst>
        </xdr:cNvPr>
        <xdr:cNvCxnSpPr/>
      </xdr:nvCxnSpPr>
      <xdr:spPr>
        <a:xfrm>
          <a:off x="17988280" y="14193012"/>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65024</xdr:rowOff>
    </xdr:from>
    <xdr:to>
      <xdr:col>102</xdr:col>
      <xdr:colOff>165100</xdr:colOff>
      <xdr:row>84</xdr:row>
      <xdr:rowOff>166624</xdr:rowOff>
    </xdr:to>
    <xdr:sp macro="" textlink="">
      <xdr:nvSpPr>
        <xdr:cNvPr id="731" name="楕円 730">
          <a:extLst>
            <a:ext uri="{FF2B5EF4-FFF2-40B4-BE49-F238E27FC236}">
              <a16:creationId xmlns:a16="http://schemas.microsoft.com/office/drawing/2014/main" id="{18DD49D5-86AF-4043-8022-8894F64521BA}"/>
            </a:ext>
          </a:extLst>
        </xdr:cNvPr>
        <xdr:cNvSpPr/>
      </xdr:nvSpPr>
      <xdr:spPr>
        <a:xfrm>
          <a:off x="17162780" y="14146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11252</xdr:rowOff>
    </xdr:from>
    <xdr:to>
      <xdr:col>107</xdr:col>
      <xdr:colOff>50800</xdr:colOff>
      <xdr:row>84</xdr:row>
      <xdr:rowOff>115824</xdr:rowOff>
    </xdr:to>
    <xdr:cxnSp macro="">
      <xdr:nvCxnSpPr>
        <xdr:cNvPr id="732" name="直線コネクタ 731">
          <a:extLst>
            <a:ext uri="{FF2B5EF4-FFF2-40B4-BE49-F238E27FC236}">
              <a16:creationId xmlns:a16="http://schemas.microsoft.com/office/drawing/2014/main" id="{76B6E8E2-05E3-45B0-A755-10901098398C}"/>
            </a:ext>
          </a:extLst>
        </xdr:cNvPr>
        <xdr:cNvCxnSpPr/>
      </xdr:nvCxnSpPr>
      <xdr:spPr>
        <a:xfrm flipV="1">
          <a:off x="17213580" y="14193012"/>
          <a:ext cx="7747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65024</xdr:rowOff>
    </xdr:from>
    <xdr:to>
      <xdr:col>98</xdr:col>
      <xdr:colOff>38100</xdr:colOff>
      <xdr:row>84</xdr:row>
      <xdr:rowOff>166624</xdr:rowOff>
    </xdr:to>
    <xdr:sp macro="" textlink="">
      <xdr:nvSpPr>
        <xdr:cNvPr id="733" name="楕円 732">
          <a:extLst>
            <a:ext uri="{FF2B5EF4-FFF2-40B4-BE49-F238E27FC236}">
              <a16:creationId xmlns:a16="http://schemas.microsoft.com/office/drawing/2014/main" id="{1682FAD7-FEA5-435E-B2D6-13187F21DA32}"/>
            </a:ext>
          </a:extLst>
        </xdr:cNvPr>
        <xdr:cNvSpPr/>
      </xdr:nvSpPr>
      <xdr:spPr>
        <a:xfrm>
          <a:off x="16388080" y="1414678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15824</xdr:rowOff>
    </xdr:from>
    <xdr:to>
      <xdr:col>102</xdr:col>
      <xdr:colOff>114300</xdr:colOff>
      <xdr:row>84</xdr:row>
      <xdr:rowOff>115824</xdr:rowOff>
    </xdr:to>
    <xdr:cxnSp macro="">
      <xdr:nvCxnSpPr>
        <xdr:cNvPr id="734" name="直線コネクタ 733">
          <a:extLst>
            <a:ext uri="{FF2B5EF4-FFF2-40B4-BE49-F238E27FC236}">
              <a16:creationId xmlns:a16="http://schemas.microsoft.com/office/drawing/2014/main" id="{E8DA5796-2B43-468B-A858-15C2F4CC15B8}"/>
            </a:ext>
          </a:extLst>
        </xdr:cNvPr>
        <xdr:cNvCxnSpPr/>
      </xdr:nvCxnSpPr>
      <xdr:spPr>
        <a:xfrm>
          <a:off x="16431260" y="1419758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2859</xdr:rowOff>
    </xdr:from>
    <xdr:ext cx="469744" cy="259045"/>
    <xdr:sp macro="" textlink="">
      <xdr:nvSpPr>
        <xdr:cNvPr id="735" name="n_1aveValue【消防施設】&#10;一人当たり面積">
          <a:extLst>
            <a:ext uri="{FF2B5EF4-FFF2-40B4-BE49-F238E27FC236}">
              <a16:creationId xmlns:a16="http://schemas.microsoft.com/office/drawing/2014/main" id="{76FFDF84-5E69-4ECC-8D98-E500B32617F7}"/>
            </a:ext>
          </a:extLst>
        </xdr:cNvPr>
        <xdr:cNvSpPr txBox="1"/>
      </xdr:nvSpPr>
      <xdr:spPr>
        <a:xfrm>
          <a:off x="18561127" y="13879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42003</xdr:rowOff>
    </xdr:from>
    <xdr:ext cx="469744" cy="259045"/>
    <xdr:sp macro="" textlink="">
      <xdr:nvSpPr>
        <xdr:cNvPr id="736" name="n_2aveValue【消防施設】&#10;一人当たり面積">
          <a:extLst>
            <a:ext uri="{FF2B5EF4-FFF2-40B4-BE49-F238E27FC236}">
              <a16:creationId xmlns:a16="http://schemas.microsoft.com/office/drawing/2014/main" id="{03CEE5D0-84DE-43DF-BEC7-343B9C9A12C6}"/>
            </a:ext>
          </a:extLst>
        </xdr:cNvPr>
        <xdr:cNvSpPr txBox="1"/>
      </xdr:nvSpPr>
      <xdr:spPr>
        <a:xfrm>
          <a:off x="17776267" y="1388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2003</xdr:rowOff>
    </xdr:from>
    <xdr:ext cx="469744" cy="259045"/>
    <xdr:sp macro="" textlink="">
      <xdr:nvSpPr>
        <xdr:cNvPr id="737" name="n_3aveValue【消防施設】&#10;一人当たり面積">
          <a:extLst>
            <a:ext uri="{FF2B5EF4-FFF2-40B4-BE49-F238E27FC236}">
              <a16:creationId xmlns:a16="http://schemas.microsoft.com/office/drawing/2014/main" id="{033E1237-3A36-4DA8-BDE6-E51E8F2883F2}"/>
            </a:ext>
          </a:extLst>
        </xdr:cNvPr>
        <xdr:cNvSpPr txBox="1"/>
      </xdr:nvSpPr>
      <xdr:spPr>
        <a:xfrm>
          <a:off x="17001567" y="1388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46575</xdr:rowOff>
    </xdr:from>
    <xdr:ext cx="469744" cy="259045"/>
    <xdr:sp macro="" textlink="">
      <xdr:nvSpPr>
        <xdr:cNvPr id="738" name="n_4aveValue【消防施設】&#10;一人当たり面積">
          <a:extLst>
            <a:ext uri="{FF2B5EF4-FFF2-40B4-BE49-F238E27FC236}">
              <a16:creationId xmlns:a16="http://schemas.microsoft.com/office/drawing/2014/main" id="{74C00A97-A726-4374-8236-7E28FE9D6775}"/>
            </a:ext>
          </a:extLst>
        </xdr:cNvPr>
        <xdr:cNvSpPr txBox="1"/>
      </xdr:nvSpPr>
      <xdr:spPr>
        <a:xfrm>
          <a:off x="16226867" y="13893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53179</xdr:rowOff>
    </xdr:from>
    <xdr:ext cx="469744" cy="259045"/>
    <xdr:sp macro="" textlink="">
      <xdr:nvSpPr>
        <xdr:cNvPr id="739" name="n_1mainValue【消防施設】&#10;一人当たり面積">
          <a:extLst>
            <a:ext uri="{FF2B5EF4-FFF2-40B4-BE49-F238E27FC236}">
              <a16:creationId xmlns:a16="http://schemas.microsoft.com/office/drawing/2014/main" id="{049A8E70-AF41-47B8-A136-DCEDE0606466}"/>
            </a:ext>
          </a:extLst>
        </xdr:cNvPr>
        <xdr:cNvSpPr txBox="1"/>
      </xdr:nvSpPr>
      <xdr:spPr>
        <a:xfrm>
          <a:off x="18561127" y="14234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53179</xdr:rowOff>
    </xdr:from>
    <xdr:ext cx="469744" cy="259045"/>
    <xdr:sp macro="" textlink="">
      <xdr:nvSpPr>
        <xdr:cNvPr id="740" name="n_2mainValue【消防施設】&#10;一人当たり面積">
          <a:extLst>
            <a:ext uri="{FF2B5EF4-FFF2-40B4-BE49-F238E27FC236}">
              <a16:creationId xmlns:a16="http://schemas.microsoft.com/office/drawing/2014/main" id="{C28DF014-D61C-4B04-B0EA-81D9C0A3B148}"/>
            </a:ext>
          </a:extLst>
        </xdr:cNvPr>
        <xdr:cNvSpPr txBox="1"/>
      </xdr:nvSpPr>
      <xdr:spPr>
        <a:xfrm>
          <a:off x="17776267" y="14234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57751</xdr:rowOff>
    </xdr:from>
    <xdr:ext cx="469744" cy="259045"/>
    <xdr:sp macro="" textlink="">
      <xdr:nvSpPr>
        <xdr:cNvPr id="741" name="n_3mainValue【消防施設】&#10;一人当たり面積">
          <a:extLst>
            <a:ext uri="{FF2B5EF4-FFF2-40B4-BE49-F238E27FC236}">
              <a16:creationId xmlns:a16="http://schemas.microsoft.com/office/drawing/2014/main" id="{3691EAFC-75C3-457E-8A79-344F5FF60B8E}"/>
            </a:ext>
          </a:extLst>
        </xdr:cNvPr>
        <xdr:cNvSpPr txBox="1"/>
      </xdr:nvSpPr>
      <xdr:spPr>
        <a:xfrm>
          <a:off x="17001567" y="14239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57751</xdr:rowOff>
    </xdr:from>
    <xdr:ext cx="469744" cy="259045"/>
    <xdr:sp macro="" textlink="">
      <xdr:nvSpPr>
        <xdr:cNvPr id="742" name="n_4mainValue【消防施設】&#10;一人当たり面積">
          <a:extLst>
            <a:ext uri="{FF2B5EF4-FFF2-40B4-BE49-F238E27FC236}">
              <a16:creationId xmlns:a16="http://schemas.microsoft.com/office/drawing/2014/main" id="{5648BE89-8217-4F8F-B782-2D83AD11254D}"/>
            </a:ext>
          </a:extLst>
        </xdr:cNvPr>
        <xdr:cNvSpPr txBox="1"/>
      </xdr:nvSpPr>
      <xdr:spPr>
        <a:xfrm>
          <a:off x="16226867" y="14239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3" name="正方形/長方形 742">
          <a:extLst>
            <a:ext uri="{FF2B5EF4-FFF2-40B4-BE49-F238E27FC236}">
              <a16:creationId xmlns:a16="http://schemas.microsoft.com/office/drawing/2014/main" id="{8C28281B-8911-41F7-85AF-E17FCE7C66A0}"/>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4" name="正方形/長方形 743">
          <a:extLst>
            <a:ext uri="{FF2B5EF4-FFF2-40B4-BE49-F238E27FC236}">
              <a16:creationId xmlns:a16="http://schemas.microsoft.com/office/drawing/2014/main" id="{5B548AD7-BFA1-4C90-8C6E-0052F50E5D99}"/>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5" name="正方形/長方形 744">
          <a:extLst>
            <a:ext uri="{FF2B5EF4-FFF2-40B4-BE49-F238E27FC236}">
              <a16:creationId xmlns:a16="http://schemas.microsoft.com/office/drawing/2014/main" id="{E418697E-004C-4AC0-BF0A-8FF85CBFE827}"/>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6" name="正方形/長方形 745">
          <a:extLst>
            <a:ext uri="{FF2B5EF4-FFF2-40B4-BE49-F238E27FC236}">
              <a16:creationId xmlns:a16="http://schemas.microsoft.com/office/drawing/2014/main" id="{C5C20A52-B295-43FD-A583-DF5AE449DEA5}"/>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7" name="正方形/長方形 746">
          <a:extLst>
            <a:ext uri="{FF2B5EF4-FFF2-40B4-BE49-F238E27FC236}">
              <a16:creationId xmlns:a16="http://schemas.microsoft.com/office/drawing/2014/main" id="{DCBEC093-133B-4328-85D6-BF73EEA80B89}"/>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8" name="正方形/長方形 747">
          <a:extLst>
            <a:ext uri="{FF2B5EF4-FFF2-40B4-BE49-F238E27FC236}">
              <a16:creationId xmlns:a16="http://schemas.microsoft.com/office/drawing/2014/main" id="{823CC41F-0305-4C8B-8E58-DE79E00B388E}"/>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9" name="正方形/長方形 748">
          <a:extLst>
            <a:ext uri="{FF2B5EF4-FFF2-40B4-BE49-F238E27FC236}">
              <a16:creationId xmlns:a16="http://schemas.microsoft.com/office/drawing/2014/main" id="{0FC0CFA4-40A1-478D-82CC-9DD2DB2CAA63}"/>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0" name="正方形/長方形 749">
          <a:extLst>
            <a:ext uri="{FF2B5EF4-FFF2-40B4-BE49-F238E27FC236}">
              <a16:creationId xmlns:a16="http://schemas.microsoft.com/office/drawing/2014/main" id="{F3227018-A7B1-4926-9458-5839D41E1922}"/>
            </a:ext>
          </a:extLst>
        </xdr:cNvPr>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1" name="テキスト ボックス 750">
          <a:extLst>
            <a:ext uri="{FF2B5EF4-FFF2-40B4-BE49-F238E27FC236}">
              <a16:creationId xmlns:a16="http://schemas.microsoft.com/office/drawing/2014/main" id="{337AC233-D0CD-40AB-B6A0-AD839AC575AE}"/>
            </a:ext>
          </a:extLst>
        </xdr:cNvPr>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2" name="直線コネクタ 751">
          <a:extLst>
            <a:ext uri="{FF2B5EF4-FFF2-40B4-BE49-F238E27FC236}">
              <a16:creationId xmlns:a16="http://schemas.microsoft.com/office/drawing/2014/main" id="{FCC299FB-277E-4B09-BB68-475661E267F5}"/>
            </a:ext>
          </a:extLst>
        </xdr:cNvPr>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3" name="テキスト ボックス 752">
          <a:extLst>
            <a:ext uri="{FF2B5EF4-FFF2-40B4-BE49-F238E27FC236}">
              <a16:creationId xmlns:a16="http://schemas.microsoft.com/office/drawing/2014/main" id="{4020F2C9-6786-48AA-B945-F31A9B667450}"/>
            </a:ext>
          </a:extLst>
        </xdr:cNvPr>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54" name="直線コネクタ 753">
          <a:extLst>
            <a:ext uri="{FF2B5EF4-FFF2-40B4-BE49-F238E27FC236}">
              <a16:creationId xmlns:a16="http://schemas.microsoft.com/office/drawing/2014/main" id="{12CFFF4A-C8D7-49E9-9580-6742553F5158}"/>
            </a:ext>
          </a:extLst>
        </xdr:cNvPr>
        <xdr:cNvCxnSpPr/>
      </xdr:nvCxnSpPr>
      <xdr:spPr>
        <a:xfrm>
          <a:off x="10960100" y="182575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55" name="テキスト ボックス 754">
          <a:extLst>
            <a:ext uri="{FF2B5EF4-FFF2-40B4-BE49-F238E27FC236}">
              <a16:creationId xmlns:a16="http://schemas.microsoft.com/office/drawing/2014/main" id="{5AFEE2BB-89E7-4CAE-AE90-8C1C930A1D2E}"/>
            </a:ext>
          </a:extLst>
        </xdr:cNvPr>
        <xdr:cNvSpPr txBox="1"/>
      </xdr:nvSpPr>
      <xdr:spPr>
        <a:xfrm>
          <a:off x="105615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56" name="直線コネクタ 755">
          <a:extLst>
            <a:ext uri="{FF2B5EF4-FFF2-40B4-BE49-F238E27FC236}">
              <a16:creationId xmlns:a16="http://schemas.microsoft.com/office/drawing/2014/main" id="{8ACABE79-F5B0-4A0B-89F0-B817312189CE}"/>
            </a:ext>
          </a:extLst>
        </xdr:cNvPr>
        <xdr:cNvCxnSpPr/>
      </xdr:nvCxnSpPr>
      <xdr:spPr>
        <a:xfrm>
          <a:off x="10960100" y="178841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57" name="テキスト ボックス 756">
          <a:extLst>
            <a:ext uri="{FF2B5EF4-FFF2-40B4-BE49-F238E27FC236}">
              <a16:creationId xmlns:a16="http://schemas.microsoft.com/office/drawing/2014/main" id="{F4A51FF7-D73E-4A6F-83AF-767386C4BB77}"/>
            </a:ext>
          </a:extLst>
        </xdr:cNvPr>
        <xdr:cNvSpPr txBox="1"/>
      </xdr:nvSpPr>
      <xdr:spPr>
        <a:xfrm>
          <a:off x="1060276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8" name="直線コネクタ 757">
          <a:extLst>
            <a:ext uri="{FF2B5EF4-FFF2-40B4-BE49-F238E27FC236}">
              <a16:creationId xmlns:a16="http://schemas.microsoft.com/office/drawing/2014/main" id="{12B16CDB-5196-48C0-8987-CB6E854B732D}"/>
            </a:ext>
          </a:extLst>
        </xdr:cNvPr>
        <xdr:cNvCxnSpPr/>
      </xdr:nvCxnSpPr>
      <xdr:spPr>
        <a:xfrm>
          <a:off x="10960100" y="175107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9" name="テキスト ボックス 758">
          <a:extLst>
            <a:ext uri="{FF2B5EF4-FFF2-40B4-BE49-F238E27FC236}">
              <a16:creationId xmlns:a16="http://schemas.microsoft.com/office/drawing/2014/main" id="{33C29DFD-96D4-48D2-BC52-B5226DF3D700}"/>
            </a:ext>
          </a:extLst>
        </xdr:cNvPr>
        <xdr:cNvSpPr txBox="1"/>
      </xdr:nvSpPr>
      <xdr:spPr>
        <a:xfrm>
          <a:off x="1060276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60" name="直線コネクタ 759">
          <a:extLst>
            <a:ext uri="{FF2B5EF4-FFF2-40B4-BE49-F238E27FC236}">
              <a16:creationId xmlns:a16="http://schemas.microsoft.com/office/drawing/2014/main" id="{C8378801-44B7-4D08-BCD2-AA35AFDFB03F}"/>
            </a:ext>
          </a:extLst>
        </xdr:cNvPr>
        <xdr:cNvCxnSpPr/>
      </xdr:nvCxnSpPr>
      <xdr:spPr>
        <a:xfrm>
          <a:off x="10960100" y="171373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61" name="テキスト ボックス 760">
          <a:extLst>
            <a:ext uri="{FF2B5EF4-FFF2-40B4-BE49-F238E27FC236}">
              <a16:creationId xmlns:a16="http://schemas.microsoft.com/office/drawing/2014/main" id="{8180F6B2-1FAF-4954-8A51-647E652F448C}"/>
            </a:ext>
          </a:extLst>
        </xdr:cNvPr>
        <xdr:cNvSpPr txBox="1"/>
      </xdr:nvSpPr>
      <xdr:spPr>
        <a:xfrm>
          <a:off x="1060276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62" name="直線コネクタ 761">
          <a:extLst>
            <a:ext uri="{FF2B5EF4-FFF2-40B4-BE49-F238E27FC236}">
              <a16:creationId xmlns:a16="http://schemas.microsoft.com/office/drawing/2014/main" id="{8ACA834F-8F86-4797-BEF9-B6D6B89854AB}"/>
            </a:ext>
          </a:extLst>
        </xdr:cNvPr>
        <xdr:cNvCxnSpPr/>
      </xdr:nvCxnSpPr>
      <xdr:spPr>
        <a:xfrm>
          <a:off x="10960100" y="167640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763" name="テキスト ボックス 762">
          <a:extLst>
            <a:ext uri="{FF2B5EF4-FFF2-40B4-BE49-F238E27FC236}">
              <a16:creationId xmlns:a16="http://schemas.microsoft.com/office/drawing/2014/main" id="{316438D5-1988-4F65-9DBD-144895E5F302}"/>
            </a:ext>
          </a:extLst>
        </xdr:cNvPr>
        <xdr:cNvSpPr txBox="1"/>
      </xdr:nvSpPr>
      <xdr:spPr>
        <a:xfrm>
          <a:off x="1066688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4" name="直線コネクタ 763">
          <a:extLst>
            <a:ext uri="{FF2B5EF4-FFF2-40B4-BE49-F238E27FC236}">
              <a16:creationId xmlns:a16="http://schemas.microsoft.com/office/drawing/2014/main" id="{1DA31A18-9D99-4646-9E52-38CCB5F9EE4B}"/>
            </a:ext>
          </a:extLst>
        </xdr:cNvPr>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5" name="【庁舎】&#10;有形固定資産減価償却率グラフ枠">
          <a:extLst>
            <a:ext uri="{FF2B5EF4-FFF2-40B4-BE49-F238E27FC236}">
              <a16:creationId xmlns:a16="http://schemas.microsoft.com/office/drawing/2014/main" id="{C58CA79F-E69E-490E-AD9D-DE9B4B6A6400}"/>
            </a:ext>
          </a:extLst>
        </xdr:cNvPr>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766" name="直線コネクタ 765">
          <a:extLst>
            <a:ext uri="{FF2B5EF4-FFF2-40B4-BE49-F238E27FC236}">
              <a16:creationId xmlns:a16="http://schemas.microsoft.com/office/drawing/2014/main" id="{63FCD2B7-65E8-4501-AA3E-0CB719F46DBB}"/>
            </a:ext>
          </a:extLst>
        </xdr:cNvPr>
        <xdr:cNvCxnSpPr/>
      </xdr:nvCxnSpPr>
      <xdr:spPr>
        <a:xfrm flipV="1">
          <a:off x="14375764" y="16764000"/>
          <a:ext cx="0" cy="1243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767" name="【庁舎】&#10;有形固定資産減価償却率最小値テキスト">
          <a:extLst>
            <a:ext uri="{FF2B5EF4-FFF2-40B4-BE49-F238E27FC236}">
              <a16:creationId xmlns:a16="http://schemas.microsoft.com/office/drawing/2014/main" id="{511D9DE3-DFBC-44BC-989A-A15FA2F2448D}"/>
            </a:ext>
          </a:extLst>
        </xdr:cNvPr>
        <xdr:cNvSpPr txBox="1"/>
      </xdr:nvSpPr>
      <xdr:spPr>
        <a:xfrm>
          <a:off x="14414500" y="18011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768" name="直線コネクタ 767">
          <a:extLst>
            <a:ext uri="{FF2B5EF4-FFF2-40B4-BE49-F238E27FC236}">
              <a16:creationId xmlns:a16="http://schemas.microsoft.com/office/drawing/2014/main" id="{27ECE58B-3CE6-4634-9348-E2CAC24F435A}"/>
            </a:ext>
          </a:extLst>
        </xdr:cNvPr>
        <xdr:cNvCxnSpPr/>
      </xdr:nvCxnSpPr>
      <xdr:spPr>
        <a:xfrm>
          <a:off x="14287500" y="180073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769" name="【庁舎】&#10;有形固定資産減価償却率最大値テキスト">
          <a:extLst>
            <a:ext uri="{FF2B5EF4-FFF2-40B4-BE49-F238E27FC236}">
              <a16:creationId xmlns:a16="http://schemas.microsoft.com/office/drawing/2014/main" id="{BCC1BFBB-3D18-4CEE-B616-CF10C80F1865}"/>
            </a:ext>
          </a:extLst>
        </xdr:cNvPr>
        <xdr:cNvSpPr txBox="1"/>
      </xdr:nvSpPr>
      <xdr:spPr>
        <a:xfrm>
          <a:off x="14414500" y="165468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770" name="直線コネクタ 769">
          <a:extLst>
            <a:ext uri="{FF2B5EF4-FFF2-40B4-BE49-F238E27FC236}">
              <a16:creationId xmlns:a16="http://schemas.microsoft.com/office/drawing/2014/main" id="{BE5EA122-472E-44AD-B842-74128644A846}"/>
            </a:ext>
          </a:extLst>
        </xdr:cNvPr>
        <xdr:cNvCxnSpPr/>
      </xdr:nvCxnSpPr>
      <xdr:spPr>
        <a:xfrm>
          <a:off x="14287500" y="167640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07966</xdr:rowOff>
    </xdr:from>
    <xdr:ext cx="405111" cy="259045"/>
    <xdr:sp macro="" textlink="">
      <xdr:nvSpPr>
        <xdr:cNvPr id="771" name="【庁舎】&#10;有形固定資産減価償却率平均値テキスト">
          <a:extLst>
            <a:ext uri="{FF2B5EF4-FFF2-40B4-BE49-F238E27FC236}">
              <a16:creationId xmlns:a16="http://schemas.microsoft.com/office/drawing/2014/main" id="{C29C8174-B94F-4FB5-B998-8AD9908CB1B5}"/>
            </a:ext>
          </a:extLst>
        </xdr:cNvPr>
        <xdr:cNvSpPr txBox="1"/>
      </xdr:nvSpPr>
      <xdr:spPr>
        <a:xfrm>
          <a:off x="14414500" y="172072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85089</xdr:rowOff>
    </xdr:from>
    <xdr:to>
      <xdr:col>85</xdr:col>
      <xdr:colOff>177800</xdr:colOff>
      <xdr:row>104</xdr:row>
      <xdr:rowOff>15239</xdr:rowOff>
    </xdr:to>
    <xdr:sp macro="" textlink="">
      <xdr:nvSpPr>
        <xdr:cNvPr id="772" name="フローチャート: 判断 771">
          <a:extLst>
            <a:ext uri="{FF2B5EF4-FFF2-40B4-BE49-F238E27FC236}">
              <a16:creationId xmlns:a16="http://schemas.microsoft.com/office/drawing/2014/main" id="{629DCAFA-CDE8-4C19-A855-382149B55AE3}"/>
            </a:ext>
          </a:extLst>
        </xdr:cNvPr>
        <xdr:cNvSpPr/>
      </xdr:nvSpPr>
      <xdr:spPr>
        <a:xfrm>
          <a:off x="14325600" y="17352009"/>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85089</xdr:rowOff>
    </xdr:from>
    <xdr:to>
      <xdr:col>81</xdr:col>
      <xdr:colOff>101600</xdr:colOff>
      <xdr:row>104</xdr:row>
      <xdr:rowOff>15239</xdr:rowOff>
    </xdr:to>
    <xdr:sp macro="" textlink="">
      <xdr:nvSpPr>
        <xdr:cNvPr id="773" name="フローチャート: 判断 772">
          <a:extLst>
            <a:ext uri="{FF2B5EF4-FFF2-40B4-BE49-F238E27FC236}">
              <a16:creationId xmlns:a16="http://schemas.microsoft.com/office/drawing/2014/main" id="{11BDCA1C-9FD6-4734-9ADC-B2EE20E05F62}"/>
            </a:ext>
          </a:extLst>
        </xdr:cNvPr>
        <xdr:cNvSpPr/>
      </xdr:nvSpPr>
      <xdr:spPr>
        <a:xfrm>
          <a:off x="13578840" y="1735200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09220</xdr:rowOff>
    </xdr:from>
    <xdr:to>
      <xdr:col>76</xdr:col>
      <xdr:colOff>165100</xdr:colOff>
      <xdr:row>104</xdr:row>
      <xdr:rowOff>39370</xdr:rowOff>
    </xdr:to>
    <xdr:sp macro="" textlink="">
      <xdr:nvSpPr>
        <xdr:cNvPr id="774" name="フローチャート: 判断 773">
          <a:extLst>
            <a:ext uri="{FF2B5EF4-FFF2-40B4-BE49-F238E27FC236}">
              <a16:creationId xmlns:a16="http://schemas.microsoft.com/office/drawing/2014/main" id="{0299E389-EEF5-4B09-8533-598DADBD3B34}"/>
            </a:ext>
          </a:extLst>
        </xdr:cNvPr>
        <xdr:cNvSpPr/>
      </xdr:nvSpPr>
      <xdr:spPr>
        <a:xfrm>
          <a:off x="12804140" y="173761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43511</xdr:rowOff>
    </xdr:from>
    <xdr:to>
      <xdr:col>72</xdr:col>
      <xdr:colOff>38100</xdr:colOff>
      <xdr:row>104</xdr:row>
      <xdr:rowOff>73661</xdr:rowOff>
    </xdr:to>
    <xdr:sp macro="" textlink="">
      <xdr:nvSpPr>
        <xdr:cNvPr id="775" name="フローチャート: 判断 774">
          <a:extLst>
            <a:ext uri="{FF2B5EF4-FFF2-40B4-BE49-F238E27FC236}">
              <a16:creationId xmlns:a16="http://schemas.microsoft.com/office/drawing/2014/main" id="{40C9737A-6F80-468D-BE2E-46E3084B0552}"/>
            </a:ext>
          </a:extLst>
        </xdr:cNvPr>
        <xdr:cNvSpPr/>
      </xdr:nvSpPr>
      <xdr:spPr>
        <a:xfrm>
          <a:off x="12029440" y="1741043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14300</xdr:rowOff>
    </xdr:from>
    <xdr:to>
      <xdr:col>67</xdr:col>
      <xdr:colOff>101600</xdr:colOff>
      <xdr:row>104</xdr:row>
      <xdr:rowOff>44450</xdr:rowOff>
    </xdr:to>
    <xdr:sp macro="" textlink="">
      <xdr:nvSpPr>
        <xdr:cNvPr id="776" name="フローチャート: 判断 775">
          <a:extLst>
            <a:ext uri="{FF2B5EF4-FFF2-40B4-BE49-F238E27FC236}">
              <a16:creationId xmlns:a16="http://schemas.microsoft.com/office/drawing/2014/main" id="{BF586BA6-0A26-46FF-A135-95C29D0A3CFF}"/>
            </a:ext>
          </a:extLst>
        </xdr:cNvPr>
        <xdr:cNvSpPr/>
      </xdr:nvSpPr>
      <xdr:spPr>
        <a:xfrm>
          <a:off x="11231880" y="173812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id="{7C9CDAAC-39E2-445C-BC67-8885DB121F1C}"/>
            </a:ext>
          </a:extLst>
        </xdr:cNvPr>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8" name="テキスト ボックス 777">
          <a:extLst>
            <a:ext uri="{FF2B5EF4-FFF2-40B4-BE49-F238E27FC236}">
              <a16:creationId xmlns:a16="http://schemas.microsoft.com/office/drawing/2014/main" id="{12764C55-BCAB-461B-94B3-7702B40FDE74}"/>
            </a:ext>
          </a:extLst>
        </xdr:cNvPr>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9" name="テキスト ボックス 778">
          <a:extLst>
            <a:ext uri="{FF2B5EF4-FFF2-40B4-BE49-F238E27FC236}">
              <a16:creationId xmlns:a16="http://schemas.microsoft.com/office/drawing/2014/main" id="{82E40FF7-442A-42FF-8B4F-66DB6BBA04E1}"/>
            </a:ext>
          </a:extLst>
        </xdr:cNvPr>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0" name="テキスト ボックス 779">
          <a:extLst>
            <a:ext uri="{FF2B5EF4-FFF2-40B4-BE49-F238E27FC236}">
              <a16:creationId xmlns:a16="http://schemas.microsoft.com/office/drawing/2014/main" id="{145187F6-6114-4A93-9673-726FB242240D}"/>
            </a:ext>
          </a:extLst>
        </xdr:cNvPr>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1" name="テキスト ボックス 780">
          <a:extLst>
            <a:ext uri="{FF2B5EF4-FFF2-40B4-BE49-F238E27FC236}">
              <a16:creationId xmlns:a16="http://schemas.microsoft.com/office/drawing/2014/main" id="{87D4F968-C0A7-4CFA-8BFE-A2734554FEC9}"/>
            </a:ext>
          </a:extLst>
        </xdr:cNvPr>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60020</xdr:rowOff>
    </xdr:from>
    <xdr:to>
      <xdr:col>85</xdr:col>
      <xdr:colOff>177800</xdr:colOff>
      <xdr:row>106</xdr:row>
      <xdr:rowOff>90170</xdr:rowOff>
    </xdr:to>
    <xdr:sp macro="" textlink="">
      <xdr:nvSpPr>
        <xdr:cNvPr id="782" name="楕円 781">
          <a:extLst>
            <a:ext uri="{FF2B5EF4-FFF2-40B4-BE49-F238E27FC236}">
              <a16:creationId xmlns:a16="http://schemas.microsoft.com/office/drawing/2014/main" id="{FD757F84-4133-4344-A37D-549BA58EE481}"/>
            </a:ext>
          </a:extLst>
        </xdr:cNvPr>
        <xdr:cNvSpPr/>
      </xdr:nvSpPr>
      <xdr:spPr>
        <a:xfrm>
          <a:off x="14325600" y="1776222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38447</xdr:rowOff>
    </xdr:from>
    <xdr:ext cx="405111" cy="259045"/>
    <xdr:sp macro="" textlink="">
      <xdr:nvSpPr>
        <xdr:cNvPr id="783" name="【庁舎】&#10;有形固定資産減価償却率該当値テキスト">
          <a:extLst>
            <a:ext uri="{FF2B5EF4-FFF2-40B4-BE49-F238E27FC236}">
              <a16:creationId xmlns:a16="http://schemas.microsoft.com/office/drawing/2014/main" id="{57140BE3-9990-4C2F-872C-F0AA4F30BE33}"/>
            </a:ext>
          </a:extLst>
        </xdr:cNvPr>
        <xdr:cNvSpPr txBox="1"/>
      </xdr:nvSpPr>
      <xdr:spPr>
        <a:xfrm>
          <a:off x="14414500" y="17740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48589</xdr:rowOff>
    </xdr:from>
    <xdr:to>
      <xdr:col>81</xdr:col>
      <xdr:colOff>101600</xdr:colOff>
      <xdr:row>106</xdr:row>
      <xdr:rowOff>78739</xdr:rowOff>
    </xdr:to>
    <xdr:sp macro="" textlink="">
      <xdr:nvSpPr>
        <xdr:cNvPr id="784" name="楕円 783">
          <a:extLst>
            <a:ext uri="{FF2B5EF4-FFF2-40B4-BE49-F238E27FC236}">
              <a16:creationId xmlns:a16="http://schemas.microsoft.com/office/drawing/2014/main" id="{D0818C5F-8649-4638-89F7-1FD43FD8F400}"/>
            </a:ext>
          </a:extLst>
        </xdr:cNvPr>
        <xdr:cNvSpPr/>
      </xdr:nvSpPr>
      <xdr:spPr>
        <a:xfrm>
          <a:off x="13578840" y="1775078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27939</xdr:rowOff>
    </xdr:from>
    <xdr:to>
      <xdr:col>85</xdr:col>
      <xdr:colOff>127000</xdr:colOff>
      <xdr:row>106</xdr:row>
      <xdr:rowOff>39370</xdr:rowOff>
    </xdr:to>
    <xdr:cxnSp macro="">
      <xdr:nvCxnSpPr>
        <xdr:cNvPr id="785" name="直線コネクタ 784">
          <a:extLst>
            <a:ext uri="{FF2B5EF4-FFF2-40B4-BE49-F238E27FC236}">
              <a16:creationId xmlns:a16="http://schemas.microsoft.com/office/drawing/2014/main" id="{7F9F9A21-885C-45FD-9E06-46D479BDE0E5}"/>
            </a:ext>
          </a:extLst>
        </xdr:cNvPr>
        <xdr:cNvCxnSpPr/>
      </xdr:nvCxnSpPr>
      <xdr:spPr>
        <a:xfrm>
          <a:off x="13629640" y="17797779"/>
          <a:ext cx="74676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40970</xdr:rowOff>
    </xdr:from>
    <xdr:to>
      <xdr:col>76</xdr:col>
      <xdr:colOff>165100</xdr:colOff>
      <xdr:row>106</xdr:row>
      <xdr:rowOff>71120</xdr:rowOff>
    </xdr:to>
    <xdr:sp macro="" textlink="">
      <xdr:nvSpPr>
        <xdr:cNvPr id="786" name="楕円 785">
          <a:extLst>
            <a:ext uri="{FF2B5EF4-FFF2-40B4-BE49-F238E27FC236}">
              <a16:creationId xmlns:a16="http://schemas.microsoft.com/office/drawing/2014/main" id="{88BE6A19-5003-443E-B440-2640F7378567}"/>
            </a:ext>
          </a:extLst>
        </xdr:cNvPr>
        <xdr:cNvSpPr/>
      </xdr:nvSpPr>
      <xdr:spPr>
        <a:xfrm>
          <a:off x="12804140" y="177431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20320</xdr:rowOff>
    </xdr:from>
    <xdr:to>
      <xdr:col>81</xdr:col>
      <xdr:colOff>50800</xdr:colOff>
      <xdr:row>106</xdr:row>
      <xdr:rowOff>27939</xdr:rowOff>
    </xdr:to>
    <xdr:cxnSp macro="">
      <xdr:nvCxnSpPr>
        <xdr:cNvPr id="787" name="直線コネクタ 786">
          <a:extLst>
            <a:ext uri="{FF2B5EF4-FFF2-40B4-BE49-F238E27FC236}">
              <a16:creationId xmlns:a16="http://schemas.microsoft.com/office/drawing/2014/main" id="{6E4DEDB9-B108-4270-9F30-79ED5E8BD6BA}"/>
            </a:ext>
          </a:extLst>
        </xdr:cNvPr>
        <xdr:cNvCxnSpPr/>
      </xdr:nvCxnSpPr>
      <xdr:spPr>
        <a:xfrm>
          <a:off x="12854940" y="17790160"/>
          <a:ext cx="7747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15570</xdr:rowOff>
    </xdr:from>
    <xdr:to>
      <xdr:col>72</xdr:col>
      <xdr:colOff>38100</xdr:colOff>
      <xdr:row>106</xdr:row>
      <xdr:rowOff>45720</xdr:rowOff>
    </xdr:to>
    <xdr:sp macro="" textlink="">
      <xdr:nvSpPr>
        <xdr:cNvPr id="788" name="楕円 787">
          <a:extLst>
            <a:ext uri="{FF2B5EF4-FFF2-40B4-BE49-F238E27FC236}">
              <a16:creationId xmlns:a16="http://schemas.microsoft.com/office/drawing/2014/main" id="{012B4E60-9434-4E32-949F-DE237FCCF599}"/>
            </a:ext>
          </a:extLst>
        </xdr:cNvPr>
        <xdr:cNvSpPr/>
      </xdr:nvSpPr>
      <xdr:spPr>
        <a:xfrm>
          <a:off x="12029440" y="1771777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66370</xdr:rowOff>
    </xdr:from>
    <xdr:to>
      <xdr:col>76</xdr:col>
      <xdr:colOff>114300</xdr:colOff>
      <xdr:row>106</xdr:row>
      <xdr:rowOff>20320</xdr:rowOff>
    </xdr:to>
    <xdr:cxnSp macro="">
      <xdr:nvCxnSpPr>
        <xdr:cNvPr id="789" name="直線コネクタ 788">
          <a:extLst>
            <a:ext uri="{FF2B5EF4-FFF2-40B4-BE49-F238E27FC236}">
              <a16:creationId xmlns:a16="http://schemas.microsoft.com/office/drawing/2014/main" id="{E981A193-6FC4-4CC5-ABD4-54FD51D5DBDE}"/>
            </a:ext>
          </a:extLst>
        </xdr:cNvPr>
        <xdr:cNvCxnSpPr/>
      </xdr:nvCxnSpPr>
      <xdr:spPr>
        <a:xfrm>
          <a:off x="12072620" y="17768570"/>
          <a:ext cx="78232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90170</xdr:rowOff>
    </xdr:from>
    <xdr:to>
      <xdr:col>67</xdr:col>
      <xdr:colOff>101600</xdr:colOff>
      <xdr:row>106</xdr:row>
      <xdr:rowOff>20320</xdr:rowOff>
    </xdr:to>
    <xdr:sp macro="" textlink="">
      <xdr:nvSpPr>
        <xdr:cNvPr id="790" name="楕円 789">
          <a:extLst>
            <a:ext uri="{FF2B5EF4-FFF2-40B4-BE49-F238E27FC236}">
              <a16:creationId xmlns:a16="http://schemas.microsoft.com/office/drawing/2014/main" id="{77EE0895-46E9-487D-86B4-1BC6A4F6D0DE}"/>
            </a:ext>
          </a:extLst>
        </xdr:cNvPr>
        <xdr:cNvSpPr/>
      </xdr:nvSpPr>
      <xdr:spPr>
        <a:xfrm>
          <a:off x="11231880" y="176923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40970</xdr:rowOff>
    </xdr:from>
    <xdr:to>
      <xdr:col>71</xdr:col>
      <xdr:colOff>177800</xdr:colOff>
      <xdr:row>105</xdr:row>
      <xdr:rowOff>166370</xdr:rowOff>
    </xdr:to>
    <xdr:cxnSp macro="">
      <xdr:nvCxnSpPr>
        <xdr:cNvPr id="791" name="直線コネクタ 790">
          <a:extLst>
            <a:ext uri="{FF2B5EF4-FFF2-40B4-BE49-F238E27FC236}">
              <a16:creationId xmlns:a16="http://schemas.microsoft.com/office/drawing/2014/main" id="{CD923976-E4E6-44EE-AD5D-AF045B4D3A64}"/>
            </a:ext>
          </a:extLst>
        </xdr:cNvPr>
        <xdr:cNvCxnSpPr/>
      </xdr:nvCxnSpPr>
      <xdr:spPr>
        <a:xfrm>
          <a:off x="11282680" y="17743170"/>
          <a:ext cx="78994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31766</xdr:rowOff>
    </xdr:from>
    <xdr:ext cx="405111" cy="259045"/>
    <xdr:sp macro="" textlink="">
      <xdr:nvSpPr>
        <xdr:cNvPr id="792" name="n_1aveValue【庁舎】&#10;有形固定資産減価償却率">
          <a:extLst>
            <a:ext uri="{FF2B5EF4-FFF2-40B4-BE49-F238E27FC236}">
              <a16:creationId xmlns:a16="http://schemas.microsoft.com/office/drawing/2014/main" id="{8EE83198-C12D-4A88-9822-94A1FAE74B4C}"/>
            </a:ext>
          </a:extLst>
        </xdr:cNvPr>
        <xdr:cNvSpPr txBox="1"/>
      </xdr:nvSpPr>
      <xdr:spPr>
        <a:xfrm>
          <a:off x="13437244" y="17131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55897</xdr:rowOff>
    </xdr:from>
    <xdr:ext cx="405111" cy="259045"/>
    <xdr:sp macro="" textlink="">
      <xdr:nvSpPr>
        <xdr:cNvPr id="793" name="n_2aveValue【庁舎】&#10;有形固定資産減価償却率">
          <a:extLst>
            <a:ext uri="{FF2B5EF4-FFF2-40B4-BE49-F238E27FC236}">
              <a16:creationId xmlns:a16="http://schemas.microsoft.com/office/drawing/2014/main" id="{B59ADE95-72F8-49AA-915E-1AA6F9FB4385}"/>
            </a:ext>
          </a:extLst>
        </xdr:cNvPr>
        <xdr:cNvSpPr txBox="1"/>
      </xdr:nvSpPr>
      <xdr:spPr>
        <a:xfrm>
          <a:off x="12675244" y="17155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0188</xdr:rowOff>
    </xdr:from>
    <xdr:ext cx="405111" cy="259045"/>
    <xdr:sp macro="" textlink="">
      <xdr:nvSpPr>
        <xdr:cNvPr id="794" name="n_3aveValue【庁舎】&#10;有形固定資産減価償却率">
          <a:extLst>
            <a:ext uri="{FF2B5EF4-FFF2-40B4-BE49-F238E27FC236}">
              <a16:creationId xmlns:a16="http://schemas.microsoft.com/office/drawing/2014/main" id="{17400D91-1B5F-43C2-8680-5657147C72A8}"/>
            </a:ext>
          </a:extLst>
        </xdr:cNvPr>
        <xdr:cNvSpPr txBox="1"/>
      </xdr:nvSpPr>
      <xdr:spPr>
        <a:xfrm>
          <a:off x="11900544" y="17189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60977</xdr:rowOff>
    </xdr:from>
    <xdr:ext cx="405111" cy="259045"/>
    <xdr:sp macro="" textlink="">
      <xdr:nvSpPr>
        <xdr:cNvPr id="795" name="n_4aveValue【庁舎】&#10;有形固定資産減価償却率">
          <a:extLst>
            <a:ext uri="{FF2B5EF4-FFF2-40B4-BE49-F238E27FC236}">
              <a16:creationId xmlns:a16="http://schemas.microsoft.com/office/drawing/2014/main" id="{64ACB7F7-1157-4A3B-9C14-03CD7C67F00C}"/>
            </a:ext>
          </a:extLst>
        </xdr:cNvPr>
        <xdr:cNvSpPr txBox="1"/>
      </xdr:nvSpPr>
      <xdr:spPr>
        <a:xfrm>
          <a:off x="11102984" y="17160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69866</xdr:rowOff>
    </xdr:from>
    <xdr:ext cx="405111" cy="259045"/>
    <xdr:sp macro="" textlink="">
      <xdr:nvSpPr>
        <xdr:cNvPr id="796" name="n_1mainValue【庁舎】&#10;有形固定資産減価償却率">
          <a:extLst>
            <a:ext uri="{FF2B5EF4-FFF2-40B4-BE49-F238E27FC236}">
              <a16:creationId xmlns:a16="http://schemas.microsoft.com/office/drawing/2014/main" id="{FA3C2445-F55F-48C0-97B5-C136EDD3DC65}"/>
            </a:ext>
          </a:extLst>
        </xdr:cNvPr>
        <xdr:cNvSpPr txBox="1"/>
      </xdr:nvSpPr>
      <xdr:spPr>
        <a:xfrm>
          <a:off x="13437244" y="17839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62247</xdr:rowOff>
    </xdr:from>
    <xdr:ext cx="405111" cy="259045"/>
    <xdr:sp macro="" textlink="">
      <xdr:nvSpPr>
        <xdr:cNvPr id="797" name="n_2mainValue【庁舎】&#10;有形固定資産減価償却率">
          <a:extLst>
            <a:ext uri="{FF2B5EF4-FFF2-40B4-BE49-F238E27FC236}">
              <a16:creationId xmlns:a16="http://schemas.microsoft.com/office/drawing/2014/main" id="{F2F36724-EDC3-4C99-81EC-BA0F04EC97CF}"/>
            </a:ext>
          </a:extLst>
        </xdr:cNvPr>
        <xdr:cNvSpPr txBox="1"/>
      </xdr:nvSpPr>
      <xdr:spPr>
        <a:xfrm>
          <a:off x="12675244" y="17832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36847</xdr:rowOff>
    </xdr:from>
    <xdr:ext cx="405111" cy="259045"/>
    <xdr:sp macro="" textlink="">
      <xdr:nvSpPr>
        <xdr:cNvPr id="798" name="n_3mainValue【庁舎】&#10;有形固定資産減価償却率">
          <a:extLst>
            <a:ext uri="{FF2B5EF4-FFF2-40B4-BE49-F238E27FC236}">
              <a16:creationId xmlns:a16="http://schemas.microsoft.com/office/drawing/2014/main" id="{ECB8A977-F566-4E7D-9D22-7D6067B40391}"/>
            </a:ext>
          </a:extLst>
        </xdr:cNvPr>
        <xdr:cNvSpPr txBox="1"/>
      </xdr:nvSpPr>
      <xdr:spPr>
        <a:xfrm>
          <a:off x="11900544" y="17806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1447</xdr:rowOff>
    </xdr:from>
    <xdr:ext cx="405111" cy="259045"/>
    <xdr:sp macro="" textlink="">
      <xdr:nvSpPr>
        <xdr:cNvPr id="799" name="n_4mainValue【庁舎】&#10;有形固定資産減価償却率">
          <a:extLst>
            <a:ext uri="{FF2B5EF4-FFF2-40B4-BE49-F238E27FC236}">
              <a16:creationId xmlns:a16="http://schemas.microsoft.com/office/drawing/2014/main" id="{5338E6D1-6669-4AB3-956D-0DFDB86026BE}"/>
            </a:ext>
          </a:extLst>
        </xdr:cNvPr>
        <xdr:cNvSpPr txBox="1"/>
      </xdr:nvSpPr>
      <xdr:spPr>
        <a:xfrm>
          <a:off x="11102984" y="17781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0" name="正方形/長方形 799">
          <a:extLst>
            <a:ext uri="{FF2B5EF4-FFF2-40B4-BE49-F238E27FC236}">
              <a16:creationId xmlns:a16="http://schemas.microsoft.com/office/drawing/2014/main" id="{7B08DB6E-A87E-40F1-A9DC-17E1D24E2B8E}"/>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1" name="正方形/長方形 800">
          <a:extLst>
            <a:ext uri="{FF2B5EF4-FFF2-40B4-BE49-F238E27FC236}">
              <a16:creationId xmlns:a16="http://schemas.microsoft.com/office/drawing/2014/main" id="{AA4B7F9E-CD41-4101-AEBC-59D782BAD8A8}"/>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2" name="正方形/長方形 801">
          <a:extLst>
            <a:ext uri="{FF2B5EF4-FFF2-40B4-BE49-F238E27FC236}">
              <a16:creationId xmlns:a16="http://schemas.microsoft.com/office/drawing/2014/main" id="{F287F2A0-3784-4B3D-B272-85734CD9E709}"/>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3" name="正方形/長方形 802">
          <a:extLst>
            <a:ext uri="{FF2B5EF4-FFF2-40B4-BE49-F238E27FC236}">
              <a16:creationId xmlns:a16="http://schemas.microsoft.com/office/drawing/2014/main" id="{22DF95B4-0F00-4ED7-A566-6F6AAE60C9C2}"/>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4" name="正方形/長方形 803">
          <a:extLst>
            <a:ext uri="{FF2B5EF4-FFF2-40B4-BE49-F238E27FC236}">
              <a16:creationId xmlns:a16="http://schemas.microsoft.com/office/drawing/2014/main" id="{4C67CE19-7947-4729-9202-AA1820A1D604}"/>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5" name="正方形/長方形 804">
          <a:extLst>
            <a:ext uri="{FF2B5EF4-FFF2-40B4-BE49-F238E27FC236}">
              <a16:creationId xmlns:a16="http://schemas.microsoft.com/office/drawing/2014/main" id="{4F737786-911B-491F-8552-CEA9CB87953B}"/>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6" name="正方形/長方形 805">
          <a:extLst>
            <a:ext uri="{FF2B5EF4-FFF2-40B4-BE49-F238E27FC236}">
              <a16:creationId xmlns:a16="http://schemas.microsoft.com/office/drawing/2014/main" id="{1DFF8677-99B2-4721-9E05-B611CC460610}"/>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7" name="正方形/長方形 806">
          <a:extLst>
            <a:ext uri="{FF2B5EF4-FFF2-40B4-BE49-F238E27FC236}">
              <a16:creationId xmlns:a16="http://schemas.microsoft.com/office/drawing/2014/main" id="{B6A90577-E7DF-44B3-8B70-17A094FFF3A8}"/>
            </a:ext>
          </a:extLst>
        </xdr:cNvPr>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8" name="テキスト ボックス 807">
          <a:extLst>
            <a:ext uri="{FF2B5EF4-FFF2-40B4-BE49-F238E27FC236}">
              <a16:creationId xmlns:a16="http://schemas.microsoft.com/office/drawing/2014/main" id="{72907C45-35D4-4234-B6DE-94F8B7738D6B}"/>
            </a:ext>
          </a:extLst>
        </xdr:cNvPr>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9" name="直線コネクタ 808">
          <a:extLst>
            <a:ext uri="{FF2B5EF4-FFF2-40B4-BE49-F238E27FC236}">
              <a16:creationId xmlns:a16="http://schemas.microsoft.com/office/drawing/2014/main" id="{890AB8DE-71AC-4C97-A4E5-097E4C9F74B3}"/>
            </a:ext>
          </a:extLst>
        </xdr:cNvPr>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810" name="テキスト ボックス 809">
          <a:extLst>
            <a:ext uri="{FF2B5EF4-FFF2-40B4-BE49-F238E27FC236}">
              <a16:creationId xmlns:a16="http://schemas.microsoft.com/office/drawing/2014/main" id="{57C96D0D-F329-4202-B654-929A10335DB0}"/>
            </a:ext>
          </a:extLst>
        </xdr:cNvPr>
        <xdr:cNvSpPr txBox="1"/>
      </xdr:nvSpPr>
      <xdr:spPr>
        <a:xfrm>
          <a:off x="1569484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811" name="直線コネクタ 810">
          <a:extLst>
            <a:ext uri="{FF2B5EF4-FFF2-40B4-BE49-F238E27FC236}">
              <a16:creationId xmlns:a16="http://schemas.microsoft.com/office/drawing/2014/main" id="{9F67E163-31F2-4658-BA74-82DEF67EB3B9}"/>
            </a:ext>
          </a:extLst>
        </xdr:cNvPr>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12" name="テキスト ボックス 811">
          <a:extLst>
            <a:ext uri="{FF2B5EF4-FFF2-40B4-BE49-F238E27FC236}">
              <a16:creationId xmlns:a16="http://schemas.microsoft.com/office/drawing/2014/main" id="{9F770D9C-CCB4-407F-B800-238DF2C23186}"/>
            </a:ext>
          </a:extLst>
        </xdr:cNvPr>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13" name="直線コネクタ 812">
          <a:extLst>
            <a:ext uri="{FF2B5EF4-FFF2-40B4-BE49-F238E27FC236}">
              <a16:creationId xmlns:a16="http://schemas.microsoft.com/office/drawing/2014/main" id="{3EBE3AA3-BB02-47A6-8AD5-66AA1651BDF8}"/>
            </a:ext>
          </a:extLst>
        </xdr:cNvPr>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14" name="テキスト ボックス 813">
          <a:extLst>
            <a:ext uri="{FF2B5EF4-FFF2-40B4-BE49-F238E27FC236}">
              <a16:creationId xmlns:a16="http://schemas.microsoft.com/office/drawing/2014/main" id="{A6DC44AD-EC8D-4BCE-B240-8094E01BFDF4}"/>
            </a:ext>
          </a:extLst>
        </xdr:cNvPr>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15" name="直線コネクタ 814">
          <a:extLst>
            <a:ext uri="{FF2B5EF4-FFF2-40B4-BE49-F238E27FC236}">
              <a16:creationId xmlns:a16="http://schemas.microsoft.com/office/drawing/2014/main" id="{D92035B8-21C8-43EB-92AE-E937AA59B5C1}"/>
            </a:ext>
          </a:extLst>
        </xdr:cNvPr>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16" name="テキスト ボックス 815">
          <a:extLst>
            <a:ext uri="{FF2B5EF4-FFF2-40B4-BE49-F238E27FC236}">
              <a16:creationId xmlns:a16="http://schemas.microsoft.com/office/drawing/2014/main" id="{5C114D35-6534-496E-A71D-9561ABF24F69}"/>
            </a:ext>
          </a:extLst>
        </xdr:cNvPr>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17" name="直線コネクタ 816">
          <a:extLst>
            <a:ext uri="{FF2B5EF4-FFF2-40B4-BE49-F238E27FC236}">
              <a16:creationId xmlns:a16="http://schemas.microsoft.com/office/drawing/2014/main" id="{0E7A8566-B00A-4BB2-B7F2-76E2BA500DEA}"/>
            </a:ext>
          </a:extLst>
        </xdr:cNvPr>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18" name="テキスト ボックス 817">
          <a:extLst>
            <a:ext uri="{FF2B5EF4-FFF2-40B4-BE49-F238E27FC236}">
              <a16:creationId xmlns:a16="http://schemas.microsoft.com/office/drawing/2014/main" id="{5E58217B-F589-4340-BEB3-42A14939F833}"/>
            </a:ext>
          </a:extLst>
        </xdr:cNvPr>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19" name="直線コネクタ 818">
          <a:extLst>
            <a:ext uri="{FF2B5EF4-FFF2-40B4-BE49-F238E27FC236}">
              <a16:creationId xmlns:a16="http://schemas.microsoft.com/office/drawing/2014/main" id="{BF0FB238-0448-42F3-A2A9-8BE569317555}"/>
            </a:ext>
          </a:extLst>
        </xdr:cNvPr>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20" name="テキスト ボックス 819">
          <a:extLst>
            <a:ext uri="{FF2B5EF4-FFF2-40B4-BE49-F238E27FC236}">
              <a16:creationId xmlns:a16="http://schemas.microsoft.com/office/drawing/2014/main" id="{67678DB9-13A2-4BB9-BC20-6899E9EFAC3F}"/>
            </a:ext>
          </a:extLst>
        </xdr:cNvPr>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21" name="直線コネクタ 820">
          <a:extLst>
            <a:ext uri="{FF2B5EF4-FFF2-40B4-BE49-F238E27FC236}">
              <a16:creationId xmlns:a16="http://schemas.microsoft.com/office/drawing/2014/main" id="{43E0E22A-57A6-4F20-8F41-DFDC1A358DB1}"/>
            </a:ext>
          </a:extLst>
        </xdr:cNvPr>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22" name="テキスト ボックス 821">
          <a:extLst>
            <a:ext uri="{FF2B5EF4-FFF2-40B4-BE49-F238E27FC236}">
              <a16:creationId xmlns:a16="http://schemas.microsoft.com/office/drawing/2014/main" id="{60557EA4-19FA-43AB-BA29-AD2CD0A25D10}"/>
            </a:ext>
          </a:extLst>
        </xdr:cNvPr>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3" name="直線コネクタ 822">
          <a:extLst>
            <a:ext uri="{FF2B5EF4-FFF2-40B4-BE49-F238E27FC236}">
              <a16:creationId xmlns:a16="http://schemas.microsoft.com/office/drawing/2014/main" id="{6CACC434-DA01-432D-9E6E-AD829AAABE59}"/>
            </a:ext>
          </a:extLst>
        </xdr:cNvPr>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4" name="テキスト ボックス 823">
          <a:extLst>
            <a:ext uri="{FF2B5EF4-FFF2-40B4-BE49-F238E27FC236}">
              <a16:creationId xmlns:a16="http://schemas.microsoft.com/office/drawing/2014/main" id="{E3006429-F064-4486-83C9-D45C28BF7510}"/>
            </a:ext>
          </a:extLst>
        </xdr:cNvPr>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5" name="【庁舎】&#10;一人当たり面積グラフ枠">
          <a:extLst>
            <a:ext uri="{FF2B5EF4-FFF2-40B4-BE49-F238E27FC236}">
              <a16:creationId xmlns:a16="http://schemas.microsoft.com/office/drawing/2014/main" id="{D9805FC9-9020-4732-BD97-3A345CA5103F}"/>
            </a:ext>
          </a:extLst>
        </xdr:cNvPr>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0682</xdr:rowOff>
    </xdr:from>
    <xdr:to>
      <xdr:col>116</xdr:col>
      <xdr:colOff>62864</xdr:colOff>
      <xdr:row>108</xdr:row>
      <xdr:rowOff>164374</xdr:rowOff>
    </xdr:to>
    <xdr:cxnSp macro="">
      <xdr:nvCxnSpPr>
        <xdr:cNvPr id="826" name="直線コネクタ 825">
          <a:extLst>
            <a:ext uri="{FF2B5EF4-FFF2-40B4-BE49-F238E27FC236}">
              <a16:creationId xmlns:a16="http://schemas.microsoft.com/office/drawing/2014/main" id="{BC501A1F-B57C-40CA-BD1A-ECBB5BDB354E}"/>
            </a:ext>
          </a:extLst>
        </xdr:cNvPr>
        <xdr:cNvCxnSpPr/>
      </xdr:nvCxnSpPr>
      <xdr:spPr>
        <a:xfrm flipV="1">
          <a:off x="19509104" y="16784682"/>
          <a:ext cx="0" cy="14848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827" name="【庁舎】&#10;一人当たり面積最小値テキスト">
          <a:extLst>
            <a:ext uri="{FF2B5EF4-FFF2-40B4-BE49-F238E27FC236}">
              <a16:creationId xmlns:a16="http://schemas.microsoft.com/office/drawing/2014/main" id="{666A4002-9732-4402-BF74-FE2EA09CB700}"/>
            </a:ext>
          </a:extLst>
        </xdr:cNvPr>
        <xdr:cNvSpPr txBox="1"/>
      </xdr:nvSpPr>
      <xdr:spPr>
        <a:xfrm>
          <a:off x="19547840" y="18273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828" name="直線コネクタ 827">
          <a:extLst>
            <a:ext uri="{FF2B5EF4-FFF2-40B4-BE49-F238E27FC236}">
              <a16:creationId xmlns:a16="http://schemas.microsoft.com/office/drawing/2014/main" id="{05D62F90-ED36-40F7-82BA-A4C0EC3B1B43}"/>
            </a:ext>
          </a:extLst>
        </xdr:cNvPr>
        <xdr:cNvCxnSpPr/>
      </xdr:nvCxnSpPr>
      <xdr:spPr>
        <a:xfrm>
          <a:off x="19443700" y="1826949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8809</xdr:rowOff>
    </xdr:from>
    <xdr:ext cx="469744" cy="259045"/>
    <xdr:sp macro="" textlink="">
      <xdr:nvSpPr>
        <xdr:cNvPr id="829" name="【庁舎】&#10;一人当たり面積最大値テキスト">
          <a:extLst>
            <a:ext uri="{FF2B5EF4-FFF2-40B4-BE49-F238E27FC236}">
              <a16:creationId xmlns:a16="http://schemas.microsoft.com/office/drawing/2014/main" id="{BCEA4AD0-2927-40F0-83A0-9B91CE2D8FE2}"/>
            </a:ext>
          </a:extLst>
        </xdr:cNvPr>
        <xdr:cNvSpPr txBox="1"/>
      </xdr:nvSpPr>
      <xdr:spPr>
        <a:xfrm>
          <a:off x="19547840" y="16567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0682</xdr:rowOff>
    </xdr:from>
    <xdr:to>
      <xdr:col>116</xdr:col>
      <xdr:colOff>152400</xdr:colOff>
      <xdr:row>100</xdr:row>
      <xdr:rowOff>20682</xdr:rowOff>
    </xdr:to>
    <xdr:cxnSp macro="">
      <xdr:nvCxnSpPr>
        <xdr:cNvPr id="830" name="直線コネクタ 829">
          <a:extLst>
            <a:ext uri="{FF2B5EF4-FFF2-40B4-BE49-F238E27FC236}">
              <a16:creationId xmlns:a16="http://schemas.microsoft.com/office/drawing/2014/main" id="{F503D2E7-2D17-4B07-9C05-01E759320E93}"/>
            </a:ext>
          </a:extLst>
        </xdr:cNvPr>
        <xdr:cNvCxnSpPr/>
      </xdr:nvCxnSpPr>
      <xdr:spPr>
        <a:xfrm>
          <a:off x="19443700" y="1678468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42983</xdr:rowOff>
    </xdr:from>
    <xdr:ext cx="469744" cy="259045"/>
    <xdr:sp macro="" textlink="">
      <xdr:nvSpPr>
        <xdr:cNvPr id="831" name="【庁舎】&#10;一人当たり面積平均値テキスト">
          <a:extLst>
            <a:ext uri="{FF2B5EF4-FFF2-40B4-BE49-F238E27FC236}">
              <a16:creationId xmlns:a16="http://schemas.microsoft.com/office/drawing/2014/main" id="{446C2201-17F6-4383-9F25-536EA068E6E6}"/>
            </a:ext>
          </a:extLst>
        </xdr:cNvPr>
        <xdr:cNvSpPr txBox="1"/>
      </xdr:nvSpPr>
      <xdr:spPr>
        <a:xfrm>
          <a:off x="19547840" y="177451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0106</xdr:rowOff>
    </xdr:from>
    <xdr:to>
      <xdr:col>116</xdr:col>
      <xdr:colOff>114300</xdr:colOff>
      <xdr:row>107</xdr:row>
      <xdr:rowOff>50256</xdr:rowOff>
    </xdr:to>
    <xdr:sp macro="" textlink="">
      <xdr:nvSpPr>
        <xdr:cNvPr id="832" name="フローチャート: 判断 831">
          <a:extLst>
            <a:ext uri="{FF2B5EF4-FFF2-40B4-BE49-F238E27FC236}">
              <a16:creationId xmlns:a16="http://schemas.microsoft.com/office/drawing/2014/main" id="{13375B71-F621-43D5-89FB-403FD02DA3FC}"/>
            </a:ext>
          </a:extLst>
        </xdr:cNvPr>
        <xdr:cNvSpPr/>
      </xdr:nvSpPr>
      <xdr:spPr>
        <a:xfrm>
          <a:off x="19458940" y="178899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16839</xdr:rowOff>
    </xdr:from>
    <xdr:to>
      <xdr:col>112</xdr:col>
      <xdr:colOff>38100</xdr:colOff>
      <xdr:row>107</xdr:row>
      <xdr:rowOff>46989</xdr:rowOff>
    </xdr:to>
    <xdr:sp macro="" textlink="">
      <xdr:nvSpPr>
        <xdr:cNvPr id="833" name="フローチャート: 判断 832">
          <a:extLst>
            <a:ext uri="{FF2B5EF4-FFF2-40B4-BE49-F238E27FC236}">
              <a16:creationId xmlns:a16="http://schemas.microsoft.com/office/drawing/2014/main" id="{427B3F08-3DD9-4993-9BC1-1BD413FA71FF}"/>
            </a:ext>
          </a:extLst>
        </xdr:cNvPr>
        <xdr:cNvSpPr/>
      </xdr:nvSpPr>
      <xdr:spPr>
        <a:xfrm>
          <a:off x="18735040" y="1788667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834" name="フローチャート: 判断 833">
          <a:extLst>
            <a:ext uri="{FF2B5EF4-FFF2-40B4-BE49-F238E27FC236}">
              <a16:creationId xmlns:a16="http://schemas.microsoft.com/office/drawing/2014/main" id="{2A420BD7-E79C-4D9D-ACBD-66781C80F576}"/>
            </a:ext>
          </a:extLst>
        </xdr:cNvPr>
        <xdr:cNvSpPr/>
      </xdr:nvSpPr>
      <xdr:spPr>
        <a:xfrm>
          <a:off x="17937480" y="179128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2966</xdr:rowOff>
    </xdr:from>
    <xdr:to>
      <xdr:col>102</xdr:col>
      <xdr:colOff>165100</xdr:colOff>
      <xdr:row>107</xdr:row>
      <xdr:rowOff>73116</xdr:rowOff>
    </xdr:to>
    <xdr:sp macro="" textlink="">
      <xdr:nvSpPr>
        <xdr:cNvPr id="835" name="フローチャート: 判断 834">
          <a:extLst>
            <a:ext uri="{FF2B5EF4-FFF2-40B4-BE49-F238E27FC236}">
              <a16:creationId xmlns:a16="http://schemas.microsoft.com/office/drawing/2014/main" id="{B0876972-4520-4478-B530-74E40BF71D35}"/>
            </a:ext>
          </a:extLst>
        </xdr:cNvPr>
        <xdr:cNvSpPr/>
      </xdr:nvSpPr>
      <xdr:spPr>
        <a:xfrm>
          <a:off x="17162780" y="179128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42966</xdr:rowOff>
    </xdr:from>
    <xdr:to>
      <xdr:col>98</xdr:col>
      <xdr:colOff>38100</xdr:colOff>
      <xdr:row>107</xdr:row>
      <xdr:rowOff>73116</xdr:rowOff>
    </xdr:to>
    <xdr:sp macro="" textlink="">
      <xdr:nvSpPr>
        <xdr:cNvPr id="836" name="フローチャート: 判断 835">
          <a:extLst>
            <a:ext uri="{FF2B5EF4-FFF2-40B4-BE49-F238E27FC236}">
              <a16:creationId xmlns:a16="http://schemas.microsoft.com/office/drawing/2014/main" id="{ED0B2B97-EFFB-4F04-989A-C4E4FC2D6AAA}"/>
            </a:ext>
          </a:extLst>
        </xdr:cNvPr>
        <xdr:cNvSpPr/>
      </xdr:nvSpPr>
      <xdr:spPr>
        <a:xfrm>
          <a:off x="16388080" y="1791280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id="{A06857CC-F2C3-444F-A182-010F63B56728}"/>
            </a:ext>
          </a:extLst>
        </xdr:cNvPr>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8" name="テキスト ボックス 837">
          <a:extLst>
            <a:ext uri="{FF2B5EF4-FFF2-40B4-BE49-F238E27FC236}">
              <a16:creationId xmlns:a16="http://schemas.microsoft.com/office/drawing/2014/main" id="{CED9307C-4CE1-487E-9396-F1C27375BF47}"/>
            </a:ext>
          </a:extLst>
        </xdr:cNvPr>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9" name="テキスト ボックス 838">
          <a:extLst>
            <a:ext uri="{FF2B5EF4-FFF2-40B4-BE49-F238E27FC236}">
              <a16:creationId xmlns:a16="http://schemas.microsoft.com/office/drawing/2014/main" id="{926B0584-92A7-41DC-9B77-3947F4943C4E}"/>
            </a:ext>
          </a:extLst>
        </xdr:cNvPr>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0" name="テキスト ボックス 839">
          <a:extLst>
            <a:ext uri="{FF2B5EF4-FFF2-40B4-BE49-F238E27FC236}">
              <a16:creationId xmlns:a16="http://schemas.microsoft.com/office/drawing/2014/main" id="{59885DB0-9555-47F0-8BA6-09F4222B397E}"/>
            </a:ext>
          </a:extLst>
        </xdr:cNvPr>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1" name="テキスト ボックス 840">
          <a:extLst>
            <a:ext uri="{FF2B5EF4-FFF2-40B4-BE49-F238E27FC236}">
              <a16:creationId xmlns:a16="http://schemas.microsoft.com/office/drawing/2014/main" id="{3D262C86-DB7E-4C28-91AC-9041E445A27B}"/>
            </a:ext>
          </a:extLst>
        </xdr:cNvPr>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07043</xdr:rowOff>
    </xdr:from>
    <xdr:to>
      <xdr:col>116</xdr:col>
      <xdr:colOff>114300</xdr:colOff>
      <xdr:row>109</xdr:row>
      <xdr:rowOff>37193</xdr:rowOff>
    </xdr:to>
    <xdr:sp macro="" textlink="">
      <xdr:nvSpPr>
        <xdr:cNvPr id="842" name="楕円 841">
          <a:extLst>
            <a:ext uri="{FF2B5EF4-FFF2-40B4-BE49-F238E27FC236}">
              <a16:creationId xmlns:a16="http://schemas.microsoft.com/office/drawing/2014/main" id="{0A8BE4B8-2D7E-4EEC-9D29-28C4AEF99F4F}"/>
            </a:ext>
          </a:extLst>
        </xdr:cNvPr>
        <xdr:cNvSpPr/>
      </xdr:nvSpPr>
      <xdr:spPr>
        <a:xfrm>
          <a:off x="19458940" y="1821216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8</xdr:row>
      <xdr:rowOff>21970</xdr:rowOff>
    </xdr:from>
    <xdr:ext cx="469744" cy="259045"/>
    <xdr:sp macro="" textlink="">
      <xdr:nvSpPr>
        <xdr:cNvPr id="843" name="【庁舎】&#10;一人当たり面積該当値テキスト">
          <a:extLst>
            <a:ext uri="{FF2B5EF4-FFF2-40B4-BE49-F238E27FC236}">
              <a16:creationId xmlns:a16="http://schemas.microsoft.com/office/drawing/2014/main" id="{93BADBF2-FC64-46CD-B515-FE21A586839C}"/>
            </a:ext>
          </a:extLst>
        </xdr:cNvPr>
        <xdr:cNvSpPr txBox="1"/>
      </xdr:nvSpPr>
      <xdr:spPr>
        <a:xfrm>
          <a:off x="19547840" y="18127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110308</xdr:rowOff>
    </xdr:from>
    <xdr:to>
      <xdr:col>112</xdr:col>
      <xdr:colOff>38100</xdr:colOff>
      <xdr:row>109</xdr:row>
      <xdr:rowOff>40458</xdr:rowOff>
    </xdr:to>
    <xdr:sp macro="" textlink="">
      <xdr:nvSpPr>
        <xdr:cNvPr id="844" name="楕円 843">
          <a:extLst>
            <a:ext uri="{FF2B5EF4-FFF2-40B4-BE49-F238E27FC236}">
              <a16:creationId xmlns:a16="http://schemas.microsoft.com/office/drawing/2014/main" id="{0F5165C0-0641-42E1-B333-A711D20216D2}"/>
            </a:ext>
          </a:extLst>
        </xdr:cNvPr>
        <xdr:cNvSpPr/>
      </xdr:nvSpPr>
      <xdr:spPr>
        <a:xfrm>
          <a:off x="18735040" y="1821542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157843</xdr:rowOff>
    </xdr:from>
    <xdr:to>
      <xdr:col>116</xdr:col>
      <xdr:colOff>63500</xdr:colOff>
      <xdr:row>108</xdr:row>
      <xdr:rowOff>161108</xdr:rowOff>
    </xdr:to>
    <xdr:cxnSp macro="">
      <xdr:nvCxnSpPr>
        <xdr:cNvPr id="845" name="直線コネクタ 844">
          <a:extLst>
            <a:ext uri="{FF2B5EF4-FFF2-40B4-BE49-F238E27FC236}">
              <a16:creationId xmlns:a16="http://schemas.microsoft.com/office/drawing/2014/main" id="{2EFB6E73-ADB8-4A11-8916-85AA67AD53D4}"/>
            </a:ext>
          </a:extLst>
        </xdr:cNvPr>
        <xdr:cNvCxnSpPr/>
      </xdr:nvCxnSpPr>
      <xdr:spPr>
        <a:xfrm flipV="1">
          <a:off x="18778220" y="18262963"/>
          <a:ext cx="73152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113574</xdr:rowOff>
    </xdr:from>
    <xdr:to>
      <xdr:col>107</xdr:col>
      <xdr:colOff>101600</xdr:colOff>
      <xdr:row>109</xdr:row>
      <xdr:rowOff>43724</xdr:rowOff>
    </xdr:to>
    <xdr:sp macro="" textlink="">
      <xdr:nvSpPr>
        <xdr:cNvPr id="846" name="楕円 845">
          <a:extLst>
            <a:ext uri="{FF2B5EF4-FFF2-40B4-BE49-F238E27FC236}">
              <a16:creationId xmlns:a16="http://schemas.microsoft.com/office/drawing/2014/main" id="{7D7441C9-7E4B-4464-852B-34324AED0337}"/>
            </a:ext>
          </a:extLst>
        </xdr:cNvPr>
        <xdr:cNvSpPr/>
      </xdr:nvSpPr>
      <xdr:spPr>
        <a:xfrm>
          <a:off x="17937480" y="1821869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161108</xdr:rowOff>
    </xdr:from>
    <xdr:to>
      <xdr:col>111</xdr:col>
      <xdr:colOff>177800</xdr:colOff>
      <xdr:row>108</xdr:row>
      <xdr:rowOff>164374</xdr:rowOff>
    </xdr:to>
    <xdr:cxnSp macro="">
      <xdr:nvCxnSpPr>
        <xdr:cNvPr id="847" name="直線コネクタ 846">
          <a:extLst>
            <a:ext uri="{FF2B5EF4-FFF2-40B4-BE49-F238E27FC236}">
              <a16:creationId xmlns:a16="http://schemas.microsoft.com/office/drawing/2014/main" id="{BBCEAF02-DCBE-447E-B9CC-804BA0C73292}"/>
            </a:ext>
          </a:extLst>
        </xdr:cNvPr>
        <xdr:cNvCxnSpPr/>
      </xdr:nvCxnSpPr>
      <xdr:spPr>
        <a:xfrm flipV="1">
          <a:off x="17988280" y="18266228"/>
          <a:ext cx="78994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116839</xdr:rowOff>
    </xdr:from>
    <xdr:to>
      <xdr:col>102</xdr:col>
      <xdr:colOff>165100</xdr:colOff>
      <xdr:row>109</xdr:row>
      <xdr:rowOff>46989</xdr:rowOff>
    </xdr:to>
    <xdr:sp macro="" textlink="">
      <xdr:nvSpPr>
        <xdr:cNvPr id="848" name="楕円 847">
          <a:extLst>
            <a:ext uri="{FF2B5EF4-FFF2-40B4-BE49-F238E27FC236}">
              <a16:creationId xmlns:a16="http://schemas.microsoft.com/office/drawing/2014/main" id="{9AE0ACDC-3EBF-45DA-84CA-6B6E1B4C56E9}"/>
            </a:ext>
          </a:extLst>
        </xdr:cNvPr>
        <xdr:cNvSpPr/>
      </xdr:nvSpPr>
      <xdr:spPr>
        <a:xfrm>
          <a:off x="17162780" y="1822195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64374</xdr:rowOff>
    </xdr:from>
    <xdr:to>
      <xdr:col>107</xdr:col>
      <xdr:colOff>50800</xdr:colOff>
      <xdr:row>108</xdr:row>
      <xdr:rowOff>167639</xdr:rowOff>
    </xdr:to>
    <xdr:cxnSp macro="">
      <xdr:nvCxnSpPr>
        <xdr:cNvPr id="849" name="直線コネクタ 848">
          <a:extLst>
            <a:ext uri="{FF2B5EF4-FFF2-40B4-BE49-F238E27FC236}">
              <a16:creationId xmlns:a16="http://schemas.microsoft.com/office/drawing/2014/main" id="{C066BCE0-351F-4B25-AB3E-CB5848C92813}"/>
            </a:ext>
          </a:extLst>
        </xdr:cNvPr>
        <xdr:cNvCxnSpPr/>
      </xdr:nvCxnSpPr>
      <xdr:spPr>
        <a:xfrm flipV="1">
          <a:off x="17213580" y="18269494"/>
          <a:ext cx="7747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120106</xdr:rowOff>
    </xdr:from>
    <xdr:to>
      <xdr:col>98</xdr:col>
      <xdr:colOff>38100</xdr:colOff>
      <xdr:row>109</xdr:row>
      <xdr:rowOff>50256</xdr:rowOff>
    </xdr:to>
    <xdr:sp macro="" textlink="">
      <xdr:nvSpPr>
        <xdr:cNvPr id="850" name="楕円 849">
          <a:extLst>
            <a:ext uri="{FF2B5EF4-FFF2-40B4-BE49-F238E27FC236}">
              <a16:creationId xmlns:a16="http://schemas.microsoft.com/office/drawing/2014/main" id="{869FE0F7-8065-40C8-91B0-0328D5A5E83E}"/>
            </a:ext>
          </a:extLst>
        </xdr:cNvPr>
        <xdr:cNvSpPr/>
      </xdr:nvSpPr>
      <xdr:spPr>
        <a:xfrm>
          <a:off x="16388080" y="1822522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167639</xdr:rowOff>
    </xdr:from>
    <xdr:to>
      <xdr:col>102</xdr:col>
      <xdr:colOff>114300</xdr:colOff>
      <xdr:row>108</xdr:row>
      <xdr:rowOff>170906</xdr:rowOff>
    </xdr:to>
    <xdr:cxnSp macro="">
      <xdr:nvCxnSpPr>
        <xdr:cNvPr id="851" name="直線コネクタ 850">
          <a:extLst>
            <a:ext uri="{FF2B5EF4-FFF2-40B4-BE49-F238E27FC236}">
              <a16:creationId xmlns:a16="http://schemas.microsoft.com/office/drawing/2014/main" id="{EF00C230-D1C7-417A-88C4-6173CA9911CA}"/>
            </a:ext>
          </a:extLst>
        </xdr:cNvPr>
        <xdr:cNvCxnSpPr/>
      </xdr:nvCxnSpPr>
      <xdr:spPr>
        <a:xfrm flipV="1">
          <a:off x="16431260" y="18272759"/>
          <a:ext cx="78232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63516</xdr:rowOff>
    </xdr:from>
    <xdr:ext cx="469744" cy="259045"/>
    <xdr:sp macro="" textlink="">
      <xdr:nvSpPr>
        <xdr:cNvPr id="852" name="n_1aveValue【庁舎】&#10;一人当たり面積">
          <a:extLst>
            <a:ext uri="{FF2B5EF4-FFF2-40B4-BE49-F238E27FC236}">
              <a16:creationId xmlns:a16="http://schemas.microsoft.com/office/drawing/2014/main" id="{9FBEF2F7-1632-4DA7-AFDE-EAB306E099E2}"/>
            </a:ext>
          </a:extLst>
        </xdr:cNvPr>
        <xdr:cNvSpPr txBox="1"/>
      </xdr:nvSpPr>
      <xdr:spPr>
        <a:xfrm>
          <a:off x="18561127" y="17665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853" name="n_2aveValue【庁舎】&#10;一人当たり面積">
          <a:extLst>
            <a:ext uri="{FF2B5EF4-FFF2-40B4-BE49-F238E27FC236}">
              <a16:creationId xmlns:a16="http://schemas.microsoft.com/office/drawing/2014/main" id="{E2669419-587B-48E0-96B9-55F09477018D}"/>
            </a:ext>
          </a:extLst>
        </xdr:cNvPr>
        <xdr:cNvSpPr txBox="1"/>
      </xdr:nvSpPr>
      <xdr:spPr>
        <a:xfrm>
          <a:off x="177762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89643</xdr:rowOff>
    </xdr:from>
    <xdr:ext cx="469744" cy="259045"/>
    <xdr:sp macro="" textlink="">
      <xdr:nvSpPr>
        <xdr:cNvPr id="854" name="n_3aveValue【庁舎】&#10;一人当たり面積">
          <a:extLst>
            <a:ext uri="{FF2B5EF4-FFF2-40B4-BE49-F238E27FC236}">
              <a16:creationId xmlns:a16="http://schemas.microsoft.com/office/drawing/2014/main" id="{29276F21-B283-40BE-A746-A48868972279}"/>
            </a:ext>
          </a:extLst>
        </xdr:cNvPr>
        <xdr:cNvSpPr txBox="1"/>
      </xdr:nvSpPr>
      <xdr:spPr>
        <a:xfrm>
          <a:off x="170015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89643</xdr:rowOff>
    </xdr:from>
    <xdr:ext cx="469744" cy="259045"/>
    <xdr:sp macro="" textlink="">
      <xdr:nvSpPr>
        <xdr:cNvPr id="855" name="n_4aveValue【庁舎】&#10;一人当たり面積">
          <a:extLst>
            <a:ext uri="{FF2B5EF4-FFF2-40B4-BE49-F238E27FC236}">
              <a16:creationId xmlns:a16="http://schemas.microsoft.com/office/drawing/2014/main" id="{E2E94F69-1358-4BC8-900A-D30BA583BD38}"/>
            </a:ext>
          </a:extLst>
        </xdr:cNvPr>
        <xdr:cNvSpPr txBox="1"/>
      </xdr:nvSpPr>
      <xdr:spPr>
        <a:xfrm>
          <a:off x="162268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9</xdr:row>
      <xdr:rowOff>31585</xdr:rowOff>
    </xdr:from>
    <xdr:ext cx="469744" cy="259045"/>
    <xdr:sp macro="" textlink="">
      <xdr:nvSpPr>
        <xdr:cNvPr id="856" name="n_1mainValue【庁舎】&#10;一人当たり面積">
          <a:extLst>
            <a:ext uri="{FF2B5EF4-FFF2-40B4-BE49-F238E27FC236}">
              <a16:creationId xmlns:a16="http://schemas.microsoft.com/office/drawing/2014/main" id="{651ED715-85B8-4C29-94AC-7CE0738DB29A}"/>
            </a:ext>
          </a:extLst>
        </xdr:cNvPr>
        <xdr:cNvSpPr txBox="1"/>
      </xdr:nvSpPr>
      <xdr:spPr>
        <a:xfrm>
          <a:off x="18561127" y="18304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9</xdr:row>
      <xdr:rowOff>34851</xdr:rowOff>
    </xdr:from>
    <xdr:ext cx="469744" cy="259045"/>
    <xdr:sp macro="" textlink="">
      <xdr:nvSpPr>
        <xdr:cNvPr id="857" name="n_2mainValue【庁舎】&#10;一人当たり面積">
          <a:extLst>
            <a:ext uri="{FF2B5EF4-FFF2-40B4-BE49-F238E27FC236}">
              <a16:creationId xmlns:a16="http://schemas.microsoft.com/office/drawing/2014/main" id="{A38A9C50-910C-420A-A631-52B0F6BB9D3B}"/>
            </a:ext>
          </a:extLst>
        </xdr:cNvPr>
        <xdr:cNvSpPr txBox="1"/>
      </xdr:nvSpPr>
      <xdr:spPr>
        <a:xfrm>
          <a:off x="17776267" y="18307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9</xdr:row>
      <xdr:rowOff>38116</xdr:rowOff>
    </xdr:from>
    <xdr:ext cx="469744" cy="259045"/>
    <xdr:sp macro="" textlink="">
      <xdr:nvSpPr>
        <xdr:cNvPr id="858" name="n_3mainValue【庁舎】&#10;一人当たり面積">
          <a:extLst>
            <a:ext uri="{FF2B5EF4-FFF2-40B4-BE49-F238E27FC236}">
              <a16:creationId xmlns:a16="http://schemas.microsoft.com/office/drawing/2014/main" id="{0CEE8E8E-D463-4D89-BF85-79EC8AF3E2DC}"/>
            </a:ext>
          </a:extLst>
        </xdr:cNvPr>
        <xdr:cNvSpPr txBox="1"/>
      </xdr:nvSpPr>
      <xdr:spPr>
        <a:xfrm>
          <a:off x="17001567" y="18310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9</xdr:row>
      <xdr:rowOff>41383</xdr:rowOff>
    </xdr:from>
    <xdr:ext cx="469744" cy="259045"/>
    <xdr:sp macro="" textlink="">
      <xdr:nvSpPr>
        <xdr:cNvPr id="859" name="n_4mainValue【庁舎】&#10;一人当たり面積">
          <a:extLst>
            <a:ext uri="{FF2B5EF4-FFF2-40B4-BE49-F238E27FC236}">
              <a16:creationId xmlns:a16="http://schemas.microsoft.com/office/drawing/2014/main" id="{D30E21AB-5227-4A9E-B835-D94F24586D70}"/>
            </a:ext>
          </a:extLst>
        </xdr:cNvPr>
        <xdr:cNvSpPr txBox="1"/>
      </xdr:nvSpPr>
      <xdr:spPr>
        <a:xfrm>
          <a:off x="16226867" y="18314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0" name="正方形/長方形 859">
          <a:extLst>
            <a:ext uri="{FF2B5EF4-FFF2-40B4-BE49-F238E27FC236}">
              <a16:creationId xmlns:a16="http://schemas.microsoft.com/office/drawing/2014/main" id="{C5522E4C-F36C-4637-A781-298E42444B76}"/>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1" name="正方形/長方形 860">
          <a:extLst>
            <a:ext uri="{FF2B5EF4-FFF2-40B4-BE49-F238E27FC236}">
              <a16:creationId xmlns:a16="http://schemas.microsoft.com/office/drawing/2014/main" id="{A739D7B0-0119-4256-91DE-C3E4FE877893}"/>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2" name="テキスト ボックス 861">
          <a:extLst>
            <a:ext uri="{FF2B5EF4-FFF2-40B4-BE49-F238E27FC236}">
              <a16:creationId xmlns:a16="http://schemas.microsoft.com/office/drawing/2014/main" id="{401464E0-1F8D-41FF-A5C7-FB787CB90937}"/>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各施設の減価償却率は、ほぼ全ての施設において類似団体内平均値と比較して減価償却が進んでいる状況であり、特に庁舎及び保健センターの老朽化が顕著となっている。前項で触れた施設と同様に優先順位や町の状況等を考慮し、過度な負担を生じさせないよう、二宮町公共施設再配置・町有地有効活用実施計画に基づいて事業を実施し、状況の改善を図る必要があ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925
27,676
9.08
10,129,636
9,579,851
477,972
6,141,232
6,980,4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dk1"/>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基準財政需要額が増加傾向であることから、財政力指数については減少傾向となってい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平均値となっていることから、税の徴収強化や移住定住の促進による生産年齢人口の増など、安定的な財政基盤を構築できるように努め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695</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368345"/>
          <a:ext cx="0" cy="14612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072</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1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24695</xdr:rowOff>
    </xdr:from>
    <xdr:to>
      <xdr:col>24</xdr:col>
      <xdr:colOff>12700</xdr:colOff>
      <xdr:row>37</xdr:row>
      <xdr:rowOff>2469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36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52211</xdr:rowOff>
    </xdr:from>
    <xdr:to>
      <xdr:col>23</xdr:col>
      <xdr:colOff>133350</xdr:colOff>
      <xdr:row>42</xdr:row>
      <xdr:rowOff>105833</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7253111"/>
          <a:ext cx="838200" cy="5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27110</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2280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55033</xdr:rowOff>
    </xdr:from>
    <xdr:to>
      <xdr:col>23</xdr:col>
      <xdr:colOff>184150</xdr:colOff>
      <xdr:row>42</xdr:row>
      <xdr:rowOff>156633</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11995</xdr:rowOff>
    </xdr:from>
    <xdr:to>
      <xdr:col>19</xdr:col>
      <xdr:colOff>133350</xdr:colOff>
      <xdr:row>42</xdr:row>
      <xdr:rowOff>52211</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7212895"/>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28222</xdr:rowOff>
    </xdr:from>
    <xdr:to>
      <xdr:col>19</xdr:col>
      <xdr:colOff>184150</xdr:colOff>
      <xdr:row>42</xdr:row>
      <xdr:rowOff>129822</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14599</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3154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16417</xdr:rowOff>
    </xdr:from>
    <xdr:to>
      <xdr:col>15</xdr:col>
      <xdr:colOff>82550</xdr:colOff>
      <xdr:row>42</xdr:row>
      <xdr:rowOff>11995</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7145867"/>
          <a:ext cx="889000" cy="67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4817</xdr:rowOff>
    </xdr:from>
    <xdr:to>
      <xdr:col>15</xdr:col>
      <xdr:colOff>133350</xdr:colOff>
      <xdr:row>42</xdr:row>
      <xdr:rowOff>116417</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01194</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30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116417</xdr:rowOff>
    </xdr:from>
    <xdr:to>
      <xdr:col>11</xdr:col>
      <xdr:colOff>31750</xdr:colOff>
      <xdr:row>41</xdr:row>
      <xdr:rowOff>129822</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flipV="1">
          <a:off x="1447800" y="7145867"/>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1628</xdr:rowOff>
    </xdr:from>
    <xdr:to>
      <xdr:col>7</xdr:col>
      <xdr:colOff>31750</xdr:colOff>
      <xdr:row>42</xdr:row>
      <xdr:rowOff>143228</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8005</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55033</xdr:rowOff>
    </xdr:from>
    <xdr:to>
      <xdr:col>23</xdr:col>
      <xdr:colOff>184150</xdr:colOff>
      <xdr:row>42</xdr:row>
      <xdr:rowOff>156633</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725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71560</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2</xdr:row>
      <xdr:rowOff>1411</xdr:rowOff>
    </xdr:from>
    <xdr:to>
      <xdr:col>19</xdr:col>
      <xdr:colOff>184150</xdr:colOff>
      <xdr:row>42</xdr:row>
      <xdr:rowOff>103011</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7202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13188</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9711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32645</xdr:rowOff>
    </xdr:from>
    <xdr:to>
      <xdr:col>15</xdr:col>
      <xdr:colOff>133350</xdr:colOff>
      <xdr:row>42</xdr:row>
      <xdr:rowOff>62795</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7162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72972</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930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65617</xdr:rowOff>
    </xdr:from>
    <xdr:to>
      <xdr:col>11</xdr:col>
      <xdr:colOff>82550</xdr:colOff>
      <xdr:row>41</xdr:row>
      <xdr:rowOff>167217</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5944</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86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79022</xdr:rowOff>
    </xdr:from>
    <xdr:to>
      <xdr:col>7</xdr:col>
      <xdr:colOff>31750</xdr:colOff>
      <xdr:row>42</xdr:row>
      <xdr:rowOff>9172</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710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9349</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87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すると、当町は財政構造の弾力性が低いことがわかる。</a:t>
          </a:r>
        </a:p>
        <a:p>
          <a:r>
            <a:rPr kumimoji="1" lang="ja-JP" altLang="en-US" sz="1300">
              <a:latin typeface="ＭＳ Ｐゴシック" panose="020B0600070205080204" pitchFamily="50" charset="-128"/>
              <a:ea typeface="ＭＳ Ｐゴシック" panose="020B0600070205080204" pitchFamily="50" charset="-128"/>
            </a:rPr>
            <a:t>今後も年々増加する人件費や扶助費等の経常的経費の抑制を図りつつ町税等の財源を確保し、数値の改善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44704</xdr:rowOff>
    </xdr:from>
    <xdr:to>
      <xdr:col>23</xdr:col>
      <xdr:colOff>133350</xdr:colOff>
      <xdr:row>67</xdr:row>
      <xdr:rowOff>70358</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331704"/>
          <a:ext cx="0" cy="12258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2435</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529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0358</xdr:rowOff>
    </xdr:from>
    <xdr:to>
      <xdr:col>24</xdr:col>
      <xdr:colOff>12700</xdr:colOff>
      <xdr:row>67</xdr:row>
      <xdr:rowOff>70358</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557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131081</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10075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44704</xdr:rowOff>
    </xdr:from>
    <xdr:to>
      <xdr:col>24</xdr:col>
      <xdr:colOff>12700</xdr:colOff>
      <xdr:row>60</xdr:row>
      <xdr:rowOff>44704</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331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62560</xdr:rowOff>
    </xdr:from>
    <xdr:to>
      <xdr:col>23</xdr:col>
      <xdr:colOff>133350</xdr:colOff>
      <xdr:row>65</xdr:row>
      <xdr:rowOff>128524</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114800" y="10963910"/>
          <a:ext cx="838200" cy="308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66895</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7967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50368</xdr:rowOff>
    </xdr:from>
    <xdr:to>
      <xdr:col>23</xdr:col>
      <xdr:colOff>184150</xdr:colOff>
      <xdr:row>64</xdr:row>
      <xdr:rowOff>80518</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95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62560</xdr:rowOff>
    </xdr:from>
    <xdr:to>
      <xdr:col>19</xdr:col>
      <xdr:colOff>133350</xdr:colOff>
      <xdr:row>65</xdr:row>
      <xdr:rowOff>60960</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3225800" y="1096391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28778</xdr:rowOff>
    </xdr:from>
    <xdr:to>
      <xdr:col>19</xdr:col>
      <xdr:colOff>184150</xdr:colOff>
      <xdr:row>63</xdr:row>
      <xdr:rowOff>58928</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0758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9105</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5275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60960</xdr:rowOff>
    </xdr:from>
    <xdr:to>
      <xdr:col>15</xdr:col>
      <xdr:colOff>82550</xdr:colOff>
      <xdr:row>65</xdr:row>
      <xdr:rowOff>80264</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2336800" y="11205210"/>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41656</xdr:rowOff>
    </xdr:from>
    <xdr:to>
      <xdr:col>15</xdr:col>
      <xdr:colOff>133350</xdr:colOff>
      <xdr:row>64</xdr:row>
      <xdr:rowOff>143256</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3433</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783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80264</xdr:rowOff>
    </xdr:from>
    <xdr:to>
      <xdr:col>11</xdr:col>
      <xdr:colOff>31750</xdr:colOff>
      <xdr:row>65</xdr:row>
      <xdr:rowOff>85090</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1447800" y="11224514"/>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5417</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5786</xdr:rowOff>
    </xdr:from>
    <xdr:to>
      <xdr:col>7</xdr:col>
      <xdr:colOff>31750</xdr:colOff>
      <xdr:row>64</xdr:row>
      <xdr:rowOff>167386</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03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113</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807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77724</xdr:rowOff>
    </xdr:from>
    <xdr:to>
      <xdr:col>23</xdr:col>
      <xdr:colOff>184150</xdr:colOff>
      <xdr:row>66</xdr:row>
      <xdr:rowOff>7874</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1221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49801</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11940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11760</xdr:rowOff>
    </xdr:from>
    <xdr:to>
      <xdr:col>19</xdr:col>
      <xdr:colOff>184150</xdr:colOff>
      <xdr:row>64</xdr:row>
      <xdr:rowOff>41910</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091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26687</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09994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10160</xdr:rowOff>
    </xdr:from>
    <xdr:to>
      <xdr:col>15</xdr:col>
      <xdr:colOff>133350</xdr:colOff>
      <xdr:row>65</xdr:row>
      <xdr:rowOff>11176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154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96537</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240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29464</xdr:rowOff>
    </xdr:from>
    <xdr:to>
      <xdr:col>11</xdr:col>
      <xdr:colOff>82550</xdr:colOff>
      <xdr:row>65</xdr:row>
      <xdr:rowOff>131064</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173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15841</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1260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4290</xdr:rowOff>
    </xdr:from>
    <xdr:to>
      <xdr:col>7</xdr:col>
      <xdr:colOff>31750</xdr:colOff>
      <xdr:row>65</xdr:row>
      <xdr:rowOff>135890</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17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20667</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126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7,8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ここ数年の数値は増加傾向にあるが、当年度の主な要因としては、人事院勧告に伴う人件費の増及び委託料を始めとした物件費の増加によるものであると考えられる。</a:t>
          </a:r>
        </a:p>
        <a:p>
          <a:r>
            <a:rPr kumimoji="1" lang="ja-JP" altLang="en-US" sz="1300">
              <a:latin typeface="ＭＳ Ｐゴシック" panose="020B0600070205080204" pitchFamily="50" charset="-128"/>
              <a:ea typeface="ＭＳ Ｐゴシック" panose="020B0600070205080204" pitchFamily="50" charset="-128"/>
            </a:rPr>
            <a:t>　引き続き業務効率の改善を図ることや必要経費の精査により人件費・物件費の削減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120650</xdr:rowOff>
    </xdr:from>
    <xdr:to>
      <xdr:col>27</xdr:col>
      <xdr:colOff>184150</xdr:colOff>
      <xdr:row>88</xdr:row>
      <xdr:rowOff>12065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14987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1</xdr:row>
      <xdr:rowOff>114300</xdr:rowOff>
    </xdr:from>
    <xdr:to>
      <xdr:col>27</xdr:col>
      <xdr:colOff>184150</xdr:colOff>
      <xdr:row>81</xdr:row>
      <xdr:rowOff>11430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14352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3" name="人件費・物件費等の状況グラフ枠">
          <a:extLst>
            <a:ext uri="{FF2B5EF4-FFF2-40B4-BE49-F238E27FC236}">
              <a16:creationId xmlns:a16="http://schemas.microsoft.com/office/drawing/2014/main" id="{00000000-0008-0000-0300-0000B7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67982</xdr:rowOff>
    </xdr:from>
    <xdr:to>
      <xdr:col>23</xdr:col>
      <xdr:colOff>133350</xdr:colOff>
      <xdr:row>89</xdr:row>
      <xdr:rowOff>68348</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flipV="1">
          <a:off x="4953000" y="13955432"/>
          <a:ext cx="0" cy="13719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40425</xdr:rowOff>
    </xdr:from>
    <xdr:ext cx="762000" cy="259045"/>
    <xdr:sp macro="" textlink="">
      <xdr:nvSpPr>
        <xdr:cNvPr id="185" name="人件費・物件費等の状況最小値テキスト">
          <a:extLst>
            <a:ext uri="{FF2B5EF4-FFF2-40B4-BE49-F238E27FC236}">
              <a16:creationId xmlns:a16="http://schemas.microsoft.com/office/drawing/2014/main" id="{00000000-0008-0000-0300-0000B9000000}"/>
            </a:ext>
          </a:extLst>
        </xdr:cNvPr>
        <xdr:cNvSpPr txBox="1"/>
      </xdr:nvSpPr>
      <xdr:spPr>
        <a:xfrm>
          <a:off x="5041900" y="152994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68348</xdr:rowOff>
    </xdr:from>
    <xdr:to>
      <xdr:col>24</xdr:col>
      <xdr:colOff>12700</xdr:colOff>
      <xdr:row>89</xdr:row>
      <xdr:rowOff>68348</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4864100" y="15327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54359</xdr:rowOff>
    </xdr:from>
    <xdr:ext cx="762000" cy="259045"/>
    <xdr:sp macro="" textlink="">
      <xdr:nvSpPr>
        <xdr:cNvPr id="187" name="人件費・物件費等の状況最大値テキスト">
          <a:extLst>
            <a:ext uri="{FF2B5EF4-FFF2-40B4-BE49-F238E27FC236}">
              <a16:creationId xmlns:a16="http://schemas.microsoft.com/office/drawing/2014/main" id="{00000000-0008-0000-0300-0000BB000000}"/>
            </a:ext>
          </a:extLst>
        </xdr:cNvPr>
        <xdr:cNvSpPr txBox="1"/>
      </xdr:nvSpPr>
      <xdr:spPr>
        <a:xfrm>
          <a:off x="5041900" y="13698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67982</xdr:rowOff>
    </xdr:from>
    <xdr:to>
      <xdr:col>24</xdr:col>
      <xdr:colOff>12700</xdr:colOff>
      <xdr:row>81</xdr:row>
      <xdr:rowOff>67982</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864100" y="13955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24351</xdr:rowOff>
    </xdr:from>
    <xdr:to>
      <xdr:col>23</xdr:col>
      <xdr:colOff>133350</xdr:colOff>
      <xdr:row>82</xdr:row>
      <xdr:rowOff>171036</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4114800" y="14183251"/>
          <a:ext cx="838200" cy="46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08425</xdr:rowOff>
    </xdr:from>
    <xdr:ext cx="762000" cy="259045"/>
    <xdr:sp macro="" textlink="">
      <xdr:nvSpPr>
        <xdr:cNvPr id="190" name="人件費・物件費等の状況平均値テキスト">
          <a:extLst>
            <a:ext uri="{FF2B5EF4-FFF2-40B4-BE49-F238E27FC236}">
              <a16:creationId xmlns:a16="http://schemas.microsoft.com/office/drawing/2014/main" id="{00000000-0008-0000-0300-0000BE000000}"/>
            </a:ext>
          </a:extLst>
        </xdr:cNvPr>
        <xdr:cNvSpPr txBox="1"/>
      </xdr:nvSpPr>
      <xdr:spPr>
        <a:xfrm>
          <a:off x="5041900" y="141673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36348</xdr:rowOff>
    </xdr:from>
    <xdr:to>
      <xdr:col>23</xdr:col>
      <xdr:colOff>184150</xdr:colOff>
      <xdr:row>83</xdr:row>
      <xdr:rowOff>66498</xdr:rowOff>
    </xdr:to>
    <xdr:sp macro="" textlink="">
      <xdr:nvSpPr>
        <xdr:cNvPr id="191" name="フローチャート: 判断 190">
          <a:extLst>
            <a:ext uri="{FF2B5EF4-FFF2-40B4-BE49-F238E27FC236}">
              <a16:creationId xmlns:a16="http://schemas.microsoft.com/office/drawing/2014/main" id="{00000000-0008-0000-0300-0000BF000000}"/>
            </a:ext>
          </a:extLst>
        </xdr:cNvPr>
        <xdr:cNvSpPr/>
      </xdr:nvSpPr>
      <xdr:spPr>
        <a:xfrm>
          <a:off x="4902200" y="14195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63041</xdr:rowOff>
    </xdr:from>
    <xdr:to>
      <xdr:col>19</xdr:col>
      <xdr:colOff>133350</xdr:colOff>
      <xdr:row>82</xdr:row>
      <xdr:rowOff>124351</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3225800" y="14121941"/>
          <a:ext cx="889000" cy="61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03290</xdr:rowOff>
    </xdr:from>
    <xdr:to>
      <xdr:col>19</xdr:col>
      <xdr:colOff>184150</xdr:colOff>
      <xdr:row>83</xdr:row>
      <xdr:rowOff>33440</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064000" y="14162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8217</xdr:rowOff>
    </xdr:from>
    <xdr:ext cx="736600" cy="259045"/>
    <xdr:sp macro="" textlink="">
      <xdr:nvSpPr>
        <xdr:cNvPr id="194" name="テキスト ボックス 193">
          <a:extLst>
            <a:ext uri="{FF2B5EF4-FFF2-40B4-BE49-F238E27FC236}">
              <a16:creationId xmlns:a16="http://schemas.microsoft.com/office/drawing/2014/main" id="{00000000-0008-0000-0300-0000C2000000}"/>
            </a:ext>
          </a:extLst>
        </xdr:cNvPr>
        <xdr:cNvSpPr txBox="1"/>
      </xdr:nvSpPr>
      <xdr:spPr>
        <a:xfrm>
          <a:off x="3733800" y="14248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63049</xdr:rowOff>
    </xdr:from>
    <xdr:to>
      <xdr:col>15</xdr:col>
      <xdr:colOff>82550</xdr:colOff>
      <xdr:row>82</xdr:row>
      <xdr:rowOff>63041</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2336800" y="14050499"/>
          <a:ext cx="889000" cy="71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0393</xdr:rowOff>
    </xdr:from>
    <xdr:to>
      <xdr:col>15</xdr:col>
      <xdr:colOff>133350</xdr:colOff>
      <xdr:row>82</xdr:row>
      <xdr:rowOff>161993</xdr:rowOff>
    </xdr:to>
    <xdr:sp macro="" textlink="">
      <xdr:nvSpPr>
        <xdr:cNvPr id="196" name="フローチャート: 判断 195">
          <a:extLst>
            <a:ext uri="{FF2B5EF4-FFF2-40B4-BE49-F238E27FC236}">
              <a16:creationId xmlns:a16="http://schemas.microsoft.com/office/drawing/2014/main" id="{00000000-0008-0000-0300-0000C4000000}"/>
            </a:ext>
          </a:extLst>
        </xdr:cNvPr>
        <xdr:cNvSpPr/>
      </xdr:nvSpPr>
      <xdr:spPr>
        <a:xfrm>
          <a:off x="3175000" y="14119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46770</xdr:rowOff>
    </xdr:from>
    <xdr:ext cx="762000" cy="259045"/>
    <xdr:sp macro="" textlink="">
      <xdr:nvSpPr>
        <xdr:cNvPr id="197" name="テキスト ボックス 196">
          <a:extLst>
            <a:ext uri="{FF2B5EF4-FFF2-40B4-BE49-F238E27FC236}">
              <a16:creationId xmlns:a16="http://schemas.microsoft.com/office/drawing/2014/main" id="{00000000-0008-0000-0300-0000C5000000}"/>
            </a:ext>
          </a:extLst>
        </xdr:cNvPr>
        <xdr:cNvSpPr txBox="1"/>
      </xdr:nvSpPr>
      <xdr:spPr>
        <a:xfrm>
          <a:off x="2844800" y="14205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50568</xdr:rowOff>
    </xdr:from>
    <xdr:to>
      <xdr:col>11</xdr:col>
      <xdr:colOff>31750</xdr:colOff>
      <xdr:row>81</xdr:row>
      <xdr:rowOff>163049</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1447800" y="14038018"/>
          <a:ext cx="889000" cy="12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91</xdr:rowOff>
    </xdr:from>
    <xdr:to>
      <xdr:col>11</xdr:col>
      <xdr:colOff>82550</xdr:colOff>
      <xdr:row>82</xdr:row>
      <xdr:rowOff>101691</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2286000" y="14058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86468</xdr:rowOff>
    </xdr:from>
    <xdr:ext cx="762000" cy="259045"/>
    <xdr:sp macro="" textlink="">
      <xdr:nvSpPr>
        <xdr:cNvPr id="200" name="テキスト ボックス 199">
          <a:extLst>
            <a:ext uri="{FF2B5EF4-FFF2-40B4-BE49-F238E27FC236}">
              <a16:creationId xmlns:a16="http://schemas.microsoft.com/office/drawing/2014/main" id="{00000000-0008-0000-0300-0000C8000000}"/>
            </a:ext>
          </a:extLst>
        </xdr:cNvPr>
        <xdr:cNvSpPr txBox="1"/>
      </xdr:nvSpPr>
      <xdr:spPr>
        <a:xfrm>
          <a:off x="1955800" y="141453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340</xdr:rowOff>
    </xdr:from>
    <xdr:to>
      <xdr:col>7</xdr:col>
      <xdr:colOff>31750</xdr:colOff>
      <xdr:row>82</xdr:row>
      <xdr:rowOff>101940</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1397000" y="14059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86717</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066800" y="14145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20236</xdr:rowOff>
    </xdr:from>
    <xdr:to>
      <xdr:col>23</xdr:col>
      <xdr:colOff>184150</xdr:colOff>
      <xdr:row>83</xdr:row>
      <xdr:rowOff>50386</xdr:rowOff>
    </xdr:to>
    <xdr:sp macro="" textlink="">
      <xdr:nvSpPr>
        <xdr:cNvPr id="208" name="楕円 207">
          <a:extLst>
            <a:ext uri="{FF2B5EF4-FFF2-40B4-BE49-F238E27FC236}">
              <a16:creationId xmlns:a16="http://schemas.microsoft.com/office/drawing/2014/main" id="{00000000-0008-0000-0300-0000D0000000}"/>
            </a:ext>
          </a:extLst>
        </xdr:cNvPr>
        <xdr:cNvSpPr/>
      </xdr:nvSpPr>
      <xdr:spPr>
        <a:xfrm>
          <a:off x="4902200" y="14179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36763</xdr:rowOff>
    </xdr:from>
    <xdr:ext cx="762000" cy="259045"/>
    <xdr:sp macro="" textlink="">
      <xdr:nvSpPr>
        <xdr:cNvPr id="209" name="人件費・物件費等の状況該当値テキスト">
          <a:extLst>
            <a:ext uri="{FF2B5EF4-FFF2-40B4-BE49-F238E27FC236}">
              <a16:creationId xmlns:a16="http://schemas.microsoft.com/office/drawing/2014/main" id="{00000000-0008-0000-0300-0000D1000000}"/>
            </a:ext>
          </a:extLst>
        </xdr:cNvPr>
        <xdr:cNvSpPr txBox="1"/>
      </xdr:nvSpPr>
      <xdr:spPr>
        <a:xfrm>
          <a:off x="5041900" y="14024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73551</xdr:rowOff>
    </xdr:from>
    <xdr:to>
      <xdr:col>19</xdr:col>
      <xdr:colOff>184150</xdr:colOff>
      <xdr:row>83</xdr:row>
      <xdr:rowOff>3701</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064000" y="14132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878</xdr:rowOff>
    </xdr:from>
    <xdr:ext cx="7366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733800" y="13901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2241</xdr:rowOff>
    </xdr:from>
    <xdr:to>
      <xdr:col>15</xdr:col>
      <xdr:colOff>133350</xdr:colOff>
      <xdr:row>82</xdr:row>
      <xdr:rowOff>113841</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3175000" y="14071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24018</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2844800" y="138400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12249</xdr:rowOff>
    </xdr:from>
    <xdr:to>
      <xdr:col>11</xdr:col>
      <xdr:colOff>82550</xdr:colOff>
      <xdr:row>82</xdr:row>
      <xdr:rowOff>42399</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2286000" y="1399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52576</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955800" y="137685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99768</xdr:rowOff>
    </xdr:from>
    <xdr:to>
      <xdr:col>7</xdr:col>
      <xdr:colOff>31750</xdr:colOff>
      <xdr:row>82</xdr:row>
      <xdr:rowOff>29918</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1397000" y="13987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40095</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066800" y="137560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18" name="正方形/長方形 217">
          <a:extLst>
            <a:ext uri="{FF2B5EF4-FFF2-40B4-BE49-F238E27FC236}">
              <a16:creationId xmlns:a16="http://schemas.microsoft.com/office/drawing/2014/main" id="{00000000-0008-0000-0300-0000DA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1" name="正方形/長方形 220">
          <a:extLst>
            <a:ext uri="{FF2B5EF4-FFF2-40B4-BE49-F238E27FC236}">
              <a16:creationId xmlns:a16="http://schemas.microsoft.com/office/drawing/2014/main" id="{00000000-0008-0000-0300-0000DD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2" name="正方形/長方形 221">
          <a:extLst>
            <a:ext uri="{FF2B5EF4-FFF2-40B4-BE49-F238E27FC236}">
              <a16:creationId xmlns:a16="http://schemas.microsoft.com/office/drawing/2014/main" id="{00000000-0008-0000-0300-0000DE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0" name="テキスト ボックス 229">
          <a:extLst>
            <a:ext uri="{FF2B5EF4-FFF2-40B4-BE49-F238E27FC236}">
              <a16:creationId xmlns:a16="http://schemas.microsoft.com/office/drawing/2014/main" id="{00000000-0008-0000-0300-0000E6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直近</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は横ばい、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ぶりに類似団体の平均を上回り、前年度から</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増加した。</a:t>
          </a:r>
        </a:p>
        <a:p>
          <a:r>
            <a:rPr kumimoji="1" lang="ja-JP" altLang="en-US" sz="1300">
              <a:latin typeface="ＭＳ Ｐゴシック" panose="020B0600070205080204" pitchFamily="50" charset="-128"/>
              <a:ea typeface="ＭＳ Ｐゴシック" panose="020B0600070205080204" pitchFamily="50" charset="-128"/>
            </a:rPr>
            <a:t>　主な要因としては、人事院勧告に伴う人件費の増が挙げられるが、今後、働き方改革等により、庁内における業務内容の見直しを進め、職員の資質の向上や業務の効率化を図るなど、給与水準の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1" name="直線コネクタ 230">
          <a:extLst>
            <a:ext uri="{FF2B5EF4-FFF2-40B4-BE49-F238E27FC236}">
              <a16:creationId xmlns:a16="http://schemas.microsoft.com/office/drawing/2014/main" id="{00000000-0008-0000-0300-0000E7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0000000-0008-0000-0300-0000F7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96157</xdr:rowOff>
    </xdr:from>
    <xdr:to>
      <xdr:col>81</xdr:col>
      <xdr:colOff>44450</xdr:colOff>
      <xdr:row>89</xdr:row>
      <xdr:rowOff>87086</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flipV="1">
          <a:off x="17018000" y="13812157"/>
          <a:ext cx="0" cy="153397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59163</xdr:rowOff>
    </xdr:from>
    <xdr:ext cx="762000" cy="259045"/>
    <xdr:sp macro="" textlink="">
      <xdr:nvSpPr>
        <xdr:cNvPr id="249" name="給与水準   （国との比較）最小値テキスト">
          <a:extLst>
            <a:ext uri="{FF2B5EF4-FFF2-40B4-BE49-F238E27FC236}">
              <a16:creationId xmlns:a16="http://schemas.microsoft.com/office/drawing/2014/main" id="{00000000-0008-0000-0300-0000F9000000}"/>
            </a:ext>
          </a:extLst>
        </xdr:cNvPr>
        <xdr:cNvSpPr txBox="1"/>
      </xdr:nvSpPr>
      <xdr:spPr>
        <a:xfrm>
          <a:off x="17106900" y="15318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87086</xdr:rowOff>
    </xdr:from>
    <xdr:to>
      <xdr:col>81</xdr:col>
      <xdr:colOff>133350</xdr:colOff>
      <xdr:row>89</xdr:row>
      <xdr:rowOff>8708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6929100" y="15346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084</xdr:rowOff>
    </xdr:from>
    <xdr:ext cx="762000" cy="259045"/>
    <xdr:sp macro="" textlink="">
      <xdr:nvSpPr>
        <xdr:cNvPr id="251" name="給与水準   （国との比較）最大値テキスト">
          <a:extLst>
            <a:ext uri="{FF2B5EF4-FFF2-40B4-BE49-F238E27FC236}">
              <a16:creationId xmlns:a16="http://schemas.microsoft.com/office/drawing/2014/main" id="{00000000-0008-0000-0300-0000FB000000}"/>
            </a:ext>
          </a:extLst>
        </xdr:cNvPr>
        <xdr:cNvSpPr txBox="1"/>
      </xdr:nvSpPr>
      <xdr:spPr>
        <a:xfrm>
          <a:off x="17106900" y="1355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96157</xdr:rowOff>
    </xdr:from>
    <xdr:to>
      <xdr:col>81</xdr:col>
      <xdr:colOff>133350</xdr:colOff>
      <xdr:row>80</xdr:row>
      <xdr:rowOff>96157</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381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31750</xdr:rowOff>
    </xdr:from>
    <xdr:to>
      <xdr:col>81</xdr:col>
      <xdr:colOff>44450</xdr:colOff>
      <xdr:row>85</xdr:row>
      <xdr:rowOff>100693</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6179800" y="14605000"/>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68927</xdr:rowOff>
    </xdr:from>
    <xdr:ext cx="762000" cy="259045"/>
    <xdr:sp macro="" textlink="">
      <xdr:nvSpPr>
        <xdr:cNvPr id="254" name="給与水準   （国との比較）平均値テキスト">
          <a:extLst>
            <a:ext uri="{FF2B5EF4-FFF2-40B4-BE49-F238E27FC236}">
              <a16:creationId xmlns:a16="http://schemas.microsoft.com/office/drawing/2014/main" id="{00000000-0008-0000-0300-0000FE000000}"/>
            </a:ext>
          </a:extLst>
        </xdr:cNvPr>
        <xdr:cNvSpPr txBox="1"/>
      </xdr:nvSpPr>
      <xdr:spPr>
        <a:xfrm>
          <a:off x="17106900" y="14399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69672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31750</xdr:rowOff>
    </xdr:from>
    <xdr:to>
      <xdr:col>77</xdr:col>
      <xdr:colOff>44450</xdr:colOff>
      <xdr:row>85</xdr:row>
      <xdr:rowOff>117929</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5290800" y="14605000"/>
          <a:ext cx="8890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69636</xdr:rowOff>
    </xdr:from>
    <xdr:to>
      <xdr:col>77</xdr:col>
      <xdr:colOff>95250</xdr:colOff>
      <xdr:row>85</xdr:row>
      <xdr:rowOff>99786</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1290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84563</xdr:rowOff>
    </xdr:from>
    <xdr:ext cx="736600" cy="259045"/>
    <xdr:sp macro="" textlink="">
      <xdr:nvSpPr>
        <xdr:cNvPr id="258" name="テキスト ボックス 257">
          <a:extLst>
            <a:ext uri="{FF2B5EF4-FFF2-40B4-BE49-F238E27FC236}">
              <a16:creationId xmlns:a16="http://schemas.microsoft.com/office/drawing/2014/main" id="{00000000-0008-0000-0300-000002010000}"/>
            </a:ext>
          </a:extLst>
        </xdr:cNvPr>
        <xdr:cNvSpPr txBox="1"/>
      </xdr:nvSpPr>
      <xdr:spPr>
        <a:xfrm>
          <a:off x="15798800" y="146578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31750</xdr:rowOff>
    </xdr:from>
    <xdr:to>
      <xdr:col>72</xdr:col>
      <xdr:colOff>203200</xdr:colOff>
      <xdr:row>85</xdr:row>
      <xdr:rowOff>117929</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4401800" y="14605000"/>
          <a:ext cx="8890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4514</xdr:rowOff>
    </xdr:from>
    <xdr:to>
      <xdr:col>68</xdr:col>
      <xdr:colOff>152400</xdr:colOff>
      <xdr:row>85</xdr:row>
      <xdr:rowOff>31750</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3512800" y="14587764"/>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421</xdr:rowOff>
    </xdr:from>
    <xdr:to>
      <xdr:col>68</xdr:col>
      <xdr:colOff>203200</xdr:colOff>
      <xdr:row>85</xdr:row>
      <xdr:rowOff>117021</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4351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01798</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4020800" y="1467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19034</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3131800" y="14692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49893</xdr:rowOff>
    </xdr:from>
    <xdr:to>
      <xdr:col>81</xdr:col>
      <xdr:colOff>95250</xdr:colOff>
      <xdr:row>85</xdr:row>
      <xdr:rowOff>151493</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6967200" y="1462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21970</xdr:rowOff>
    </xdr:from>
    <xdr:ext cx="762000" cy="259045"/>
    <xdr:sp macro="" textlink="">
      <xdr:nvSpPr>
        <xdr:cNvPr id="273" name="給与水準   （国との比較）該当値テキスト">
          <a:extLst>
            <a:ext uri="{FF2B5EF4-FFF2-40B4-BE49-F238E27FC236}">
              <a16:creationId xmlns:a16="http://schemas.microsoft.com/office/drawing/2014/main" id="{00000000-0008-0000-0300-000011010000}"/>
            </a:ext>
          </a:extLst>
        </xdr:cNvPr>
        <xdr:cNvSpPr txBox="1"/>
      </xdr:nvSpPr>
      <xdr:spPr>
        <a:xfrm>
          <a:off x="17106900" y="14595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52400</xdr:rowOff>
    </xdr:from>
    <xdr:to>
      <xdr:col>77</xdr:col>
      <xdr:colOff>95250</xdr:colOff>
      <xdr:row>85</xdr:row>
      <xdr:rowOff>82550</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129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798800" y="1432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67129</xdr:rowOff>
    </xdr:from>
    <xdr:to>
      <xdr:col>73</xdr:col>
      <xdr:colOff>44450</xdr:colOff>
      <xdr:row>85</xdr:row>
      <xdr:rowOff>168729</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5240000" y="14640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53506</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909800" y="147267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52400</xdr:rowOff>
    </xdr:from>
    <xdr:to>
      <xdr:col>68</xdr:col>
      <xdr:colOff>203200</xdr:colOff>
      <xdr:row>85</xdr:row>
      <xdr:rowOff>8255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4351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9272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020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35164</xdr:rowOff>
    </xdr:from>
    <xdr:to>
      <xdr:col>64</xdr:col>
      <xdr:colOff>152400</xdr:colOff>
      <xdr:row>85</xdr:row>
      <xdr:rowOff>65314</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3462000" y="14536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75491</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3131800" y="14305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00000000-0008-0000-0300-00001A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職員数は、例年ほぼ同程度で推移しており、退職者が出た場合に同数程度の採用を行う形になっている。類似団体の平均を上回っているのは、他団体に比べ人口が少ないことも影響している。</a:t>
          </a:r>
        </a:p>
        <a:p>
          <a:r>
            <a:rPr kumimoji="1" lang="ja-JP" altLang="en-US" sz="1300">
              <a:latin typeface="ＭＳ Ｐゴシック" panose="020B0600070205080204" pitchFamily="50" charset="-128"/>
              <a:ea typeface="ＭＳ Ｐゴシック" panose="020B0600070205080204" pitchFamily="50" charset="-128"/>
            </a:rPr>
            <a:t>　現状として、類似団体の水準からは逸脱している状況ではないが、今後も働き方の見直し等を行い、業務内容の改善を進めることで、住民サービスの低下を招くことなく、適正な職員管理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9797</xdr:rowOff>
    </xdr:from>
    <xdr:to>
      <xdr:col>81</xdr:col>
      <xdr:colOff>44450</xdr:colOff>
      <xdr:row>67</xdr:row>
      <xdr:rowOff>105863</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flipV="1">
          <a:off x="17018000" y="9953897"/>
          <a:ext cx="0" cy="16391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7940</xdr:rowOff>
    </xdr:from>
    <xdr:ext cx="762000" cy="259045"/>
    <xdr:sp macro="" textlink="">
      <xdr:nvSpPr>
        <xdr:cNvPr id="314" name="定員管理の状況最小値テキスト">
          <a:extLst>
            <a:ext uri="{FF2B5EF4-FFF2-40B4-BE49-F238E27FC236}">
              <a16:creationId xmlns:a16="http://schemas.microsoft.com/office/drawing/2014/main" id="{00000000-0008-0000-0300-00003A010000}"/>
            </a:ext>
          </a:extLst>
        </xdr:cNvPr>
        <xdr:cNvSpPr txBox="1"/>
      </xdr:nvSpPr>
      <xdr:spPr>
        <a:xfrm>
          <a:off x="17106900" y="11565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05863</xdr:rowOff>
    </xdr:from>
    <xdr:to>
      <xdr:col>81</xdr:col>
      <xdr:colOff>133350</xdr:colOff>
      <xdr:row>67</xdr:row>
      <xdr:rowOff>105863</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6929100" y="11593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96174</xdr:rowOff>
    </xdr:from>
    <xdr:ext cx="762000" cy="259045"/>
    <xdr:sp macro="" textlink="">
      <xdr:nvSpPr>
        <xdr:cNvPr id="316" name="定員管理の状況最大値テキスト">
          <a:extLst>
            <a:ext uri="{FF2B5EF4-FFF2-40B4-BE49-F238E27FC236}">
              <a16:creationId xmlns:a16="http://schemas.microsoft.com/office/drawing/2014/main" id="{00000000-0008-0000-0300-00003C010000}"/>
            </a:ext>
          </a:extLst>
        </xdr:cNvPr>
        <xdr:cNvSpPr txBox="1"/>
      </xdr:nvSpPr>
      <xdr:spPr>
        <a:xfrm>
          <a:off x="17106900" y="9697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9797</xdr:rowOff>
    </xdr:from>
    <xdr:to>
      <xdr:col>81</xdr:col>
      <xdr:colOff>133350</xdr:colOff>
      <xdr:row>58</xdr:row>
      <xdr:rowOff>9797</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9953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68456</xdr:rowOff>
    </xdr:from>
    <xdr:to>
      <xdr:col>81</xdr:col>
      <xdr:colOff>44450</xdr:colOff>
      <xdr:row>61</xdr:row>
      <xdr:rowOff>31478</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179800" y="10455456"/>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68687</xdr:rowOff>
    </xdr:from>
    <xdr:ext cx="762000" cy="259045"/>
    <xdr:sp macro="" textlink="">
      <xdr:nvSpPr>
        <xdr:cNvPr id="319" name="定員管理の状況平均値テキスト">
          <a:extLst>
            <a:ext uri="{FF2B5EF4-FFF2-40B4-BE49-F238E27FC236}">
              <a16:creationId xmlns:a16="http://schemas.microsoft.com/office/drawing/2014/main" id="{00000000-0008-0000-0300-00003F010000}"/>
            </a:ext>
          </a:extLst>
        </xdr:cNvPr>
        <xdr:cNvSpPr txBox="1"/>
      </xdr:nvSpPr>
      <xdr:spPr>
        <a:xfrm>
          <a:off x="17106900" y="101842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52160</xdr:rowOff>
    </xdr:from>
    <xdr:to>
      <xdr:col>81</xdr:col>
      <xdr:colOff>95250</xdr:colOff>
      <xdr:row>60</xdr:row>
      <xdr:rowOff>153760</xdr:rowOff>
    </xdr:to>
    <xdr:sp macro="" textlink="">
      <xdr:nvSpPr>
        <xdr:cNvPr id="320" name="フローチャート: 判断 319">
          <a:extLst>
            <a:ext uri="{FF2B5EF4-FFF2-40B4-BE49-F238E27FC236}">
              <a16:creationId xmlns:a16="http://schemas.microsoft.com/office/drawing/2014/main" id="{00000000-0008-0000-0300-000040010000}"/>
            </a:ext>
          </a:extLst>
        </xdr:cNvPr>
        <xdr:cNvSpPr/>
      </xdr:nvSpPr>
      <xdr:spPr>
        <a:xfrm>
          <a:off x="16967200" y="10339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61562</xdr:rowOff>
    </xdr:from>
    <xdr:to>
      <xdr:col>77</xdr:col>
      <xdr:colOff>44450</xdr:colOff>
      <xdr:row>60</xdr:row>
      <xdr:rowOff>168456</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5290800" y="10448562"/>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6649</xdr:rowOff>
    </xdr:from>
    <xdr:to>
      <xdr:col>77</xdr:col>
      <xdr:colOff>95250</xdr:colOff>
      <xdr:row>60</xdr:row>
      <xdr:rowOff>138249</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129000" y="1032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8426</xdr:rowOff>
    </xdr:from>
    <xdr:ext cx="736600" cy="259045"/>
    <xdr:sp macro="" textlink="">
      <xdr:nvSpPr>
        <xdr:cNvPr id="323" name="テキスト ボックス 322">
          <a:extLst>
            <a:ext uri="{FF2B5EF4-FFF2-40B4-BE49-F238E27FC236}">
              <a16:creationId xmlns:a16="http://schemas.microsoft.com/office/drawing/2014/main" id="{00000000-0008-0000-0300-000043010000}"/>
            </a:ext>
          </a:extLst>
        </xdr:cNvPr>
        <xdr:cNvSpPr txBox="1"/>
      </xdr:nvSpPr>
      <xdr:spPr>
        <a:xfrm>
          <a:off x="15798800" y="100925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61562</xdr:rowOff>
    </xdr:from>
    <xdr:to>
      <xdr:col>72</xdr:col>
      <xdr:colOff>203200</xdr:colOff>
      <xdr:row>61</xdr:row>
      <xdr:rowOff>10795</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flipV="1">
          <a:off x="14401800" y="10448562"/>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4584</xdr:rowOff>
    </xdr:from>
    <xdr:to>
      <xdr:col>73</xdr:col>
      <xdr:colOff>44450</xdr:colOff>
      <xdr:row>60</xdr:row>
      <xdr:rowOff>126184</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52400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36361</xdr:rowOff>
    </xdr:from>
    <xdr:ext cx="7620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4909800" y="10080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66733</xdr:rowOff>
    </xdr:from>
    <xdr:to>
      <xdr:col>68</xdr:col>
      <xdr:colOff>152400</xdr:colOff>
      <xdr:row>61</xdr:row>
      <xdr:rowOff>10795</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3512800" y="10453733"/>
          <a:ext cx="889000" cy="15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33201</xdr:rowOff>
    </xdr:from>
    <xdr:to>
      <xdr:col>68</xdr:col>
      <xdr:colOff>203200</xdr:colOff>
      <xdr:row>60</xdr:row>
      <xdr:rowOff>134801</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4351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44978</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020800" y="10089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28031</xdr:rowOff>
    </xdr:from>
    <xdr:to>
      <xdr:col>64</xdr:col>
      <xdr:colOff>152400</xdr:colOff>
      <xdr:row>60</xdr:row>
      <xdr:rowOff>129631</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3462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39808</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3131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52128</xdr:rowOff>
    </xdr:from>
    <xdr:to>
      <xdr:col>81</xdr:col>
      <xdr:colOff>95250</xdr:colOff>
      <xdr:row>61</xdr:row>
      <xdr:rowOff>82278</xdr:rowOff>
    </xdr:to>
    <xdr:sp macro="" textlink="">
      <xdr:nvSpPr>
        <xdr:cNvPr id="337" name="楕円 336">
          <a:extLst>
            <a:ext uri="{FF2B5EF4-FFF2-40B4-BE49-F238E27FC236}">
              <a16:creationId xmlns:a16="http://schemas.microsoft.com/office/drawing/2014/main" id="{00000000-0008-0000-0300-000051010000}"/>
            </a:ext>
          </a:extLst>
        </xdr:cNvPr>
        <xdr:cNvSpPr/>
      </xdr:nvSpPr>
      <xdr:spPr>
        <a:xfrm>
          <a:off x="16967200" y="10439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124205</xdr:rowOff>
    </xdr:from>
    <xdr:ext cx="762000" cy="259045"/>
    <xdr:sp macro="" textlink="">
      <xdr:nvSpPr>
        <xdr:cNvPr id="338" name="定員管理の状況該当値テキスト">
          <a:extLst>
            <a:ext uri="{FF2B5EF4-FFF2-40B4-BE49-F238E27FC236}">
              <a16:creationId xmlns:a16="http://schemas.microsoft.com/office/drawing/2014/main" id="{00000000-0008-0000-0300-000052010000}"/>
            </a:ext>
          </a:extLst>
        </xdr:cNvPr>
        <xdr:cNvSpPr txBox="1"/>
      </xdr:nvSpPr>
      <xdr:spPr>
        <a:xfrm>
          <a:off x="17106900" y="1041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17656</xdr:rowOff>
    </xdr:from>
    <xdr:to>
      <xdr:col>77</xdr:col>
      <xdr:colOff>95250</xdr:colOff>
      <xdr:row>61</xdr:row>
      <xdr:rowOff>47806</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129000" y="10404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32583</xdr:rowOff>
    </xdr:from>
    <xdr:ext cx="7366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798800" y="104910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10762</xdr:rowOff>
    </xdr:from>
    <xdr:to>
      <xdr:col>73</xdr:col>
      <xdr:colOff>44450</xdr:colOff>
      <xdr:row>61</xdr:row>
      <xdr:rowOff>40912</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5240000" y="10397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25689</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4909800" y="10484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31445</xdr:rowOff>
    </xdr:from>
    <xdr:to>
      <xdr:col>68</xdr:col>
      <xdr:colOff>203200</xdr:colOff>
      <xdr:row>61</xdr:row>
      <xdr:rowOff>61595</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4351000" y="10418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46372</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020800" y="10504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15933</xdr:rowOff>
    </xdr:from>
    <xdr:to>
      <xdr:col>64</xdr:col>
      <xdr:colOff>152400</xdr:colOff>
      <xdr:row>61</xdr:row>
      <xdr:rowOff>46083</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3462000" y="10402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30860</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3131800" y="10489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実質公債比率は、前年度と同じ水準となっている。早期健全化基準である</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を下回っていることから、町の財政は健全な状況が保たれている。</a:t>
          </a:r>
        </a:p>
        <a:p>
          <a:r>
            <a:rPr kumimoji="1" lang="ja-JP" altLang="en-US" sz="1300">
              <a:latin typeface="ＭＳ Ｐゴシック" panose="020B0600070205080204" pitchFamily="50" charset="-128"/>
              <a:ea typeface="ＭＳ Ｐゴシック" panose="020B0600070205080204" pitchFamily="50" charset="-128"/>
            </a:rPr>
            <a:t>　今後も、事業の有効性・優先度を見極めつつ、華美・過大な執行とならないよう適切な行政運営に努めるとともに、税外収入等の地方債に頼らない一般財源の確保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9583</xdr:rowOff>
    </xdr:from>
    <xdr:to>
      <xdr:col>81</xdr:col>
      <xdr:colOff>44450</xdr:colOff>
      <xdr:row>44</xdr:row>
      <xdr:rowOff>109946</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281783"/>
          <a:ext cx="0" cy="13719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2023</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625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9946</xdr:rowOff>
    </xdr:from>
    <xdr:to>
      <xdr:col>81</xdr:col>
      <xdr:colOff>133350</xdr:colOff>
      <xdr:row>44</xdr:row>
      <xdr:rowOff>109946</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653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4510</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02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9583</xdr:rowOff>
    </xdr:from>
    <xdr:to>
      <xdr:col>81</xdr:col>
      <xdr:colOff>133350</xdr:colOff>
      <xdr:row>36</xdr:row>
      <xdr:rowOff>109583</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281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12304</xdr:rowOff>
    </xdr:from>
    <xdr:to>
      <xdr:col>81</xdr:col>
      <xdr:colOff>44450</xdr:colOff>
      <xdr:row>39</xdr:row>
      <xdr:rowOff>112304</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679885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7678</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68442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151</xdr:rowOff>
    </xdr:from>
    <xdr:to>
      <xdr:col>81</xdr:col>
      <xdr:colOff>95250</xdr:colOff>
      <xdr:row>40</xdr:row>
      <xdr:rowOff>115751</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12304</xdr:rowOff>
    </xdr:from>
    <xdr:to>
      <xdr:col>77</xdr:col>
      <xdr:colOff>44450</xdr:colOff>
      <xdr:row>39</xdr:row>
      <xdr:rowOff>146776</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flipV="1">
          <a:off x="15290800" y="6798854"/>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64919</xdr:rowOff>
    </xdr:from>
    <xdr:to>
      <xdr:col>77</xdr:col>
      <xdr:colOff>95250</xdr:colOff>
      <xdr:row>40</xdr:row>
      <xdr:rowOff>95069</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685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79846</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9378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46776</xdr:rowOff>
    </xdr:from>
    <xdr:to>
      <xdr:col>72</xdr:col>
      <xdr:colOff>203200</xdr:colOff>
      <xdr:row>40</xdr:row>
      <xdr:rowOff>30480</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flipV="1">
          <a:off x="14401800" y="6833326"/>
          <a:ext cx="889000" cy="55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363</xdr:rowOff>
    </xdr:from>
    <xdr:to>
      <xdr:col>73</xdr:col>
      <xdr:colOff>44450</xdr:colOff>
      <xdr:row>40</xdr:row>
      <xdr:rowOff>101963</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6858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86740</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944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30480</xdr:rowOff>
    </xdr:from>
    <xdr:to>
      <xdr:col>68</xdr:col>
      <xdr:colOff>152400</xdr:colOff>
      <xdr:row>40</xdr:row>
      <xdr:rowOff>58057</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3512800" y="6888480"/>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4151</xdr:rowOff>
    </xdr:from>
    <xdr:to>
      <xdr:col>68</xdr:col>
      <xdr:colOff>203200</xdr:colOff>
      <xdr:row>40</xdr:row>
      <xdr:rowOff>115751</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00528</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95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61504</xdr:rowOff>
    </xdr:from>
    <xdr:to>
      <xdr:col>81</xdr:col>
      <xdr:colOff>95250</xdr:colOff>
      <xdr:row>39</xdr:row>
      <xdr:rowOff>163104</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6748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78031</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593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61504</xdr:rowOff>
    </xdr:from>
    <xdr:to>
      <xdr:col>77</xdr:col>
      <xdr:colOff>95250</xdr:colOff>
      <xdr:row>39</xdr:row>
      <xdr:rowOff>163104</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748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831</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5169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95976</xdr:rowOff>
    </xdr:from>
    <xdr:to>
      <xdr:col>73</xdr:col>
      <xdr:colOff>44450</xdr:colOff>
      <xdr:row>40</xdr:row>
      <xdr:rowOff>26126</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78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36303</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5514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51130</xdr:rowOff>
    </xdr:from>
    <xdr:to>
      <xdr:col>68</xdr:col>
      <xdr:colOff>203200</xdr:colOff>
      <xdr:row>40</xdr:row>
      <xdr:rowOff>8128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9145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257</xdr:rowOff>
    </xdr:from>
    <xdr:to>
      <xdr:col>64</xdr:col>
      <xdr:colOff>152400</xdr:colOff>
      <xdr:row>40</xdr:row>
      <xdr:rowOff>108857</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86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19034</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634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地方債現在高の減少や普通交付税額の増などにより、昨年度から</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の減となった。</a:t>
          </a:r>
        </a:p>
        <a:p>
          <a:r>
            <a:rPr kumimoji="1" lang="ja-JP" altLang="en-US" sz="1300">
              <a:latin typeface="ＭＳ Ｐゴシック" panose="020B0600070205080204" pitchFamily="50" charset="-128"/>
              <a:ea typeface="ＭＳ Ｐゴシック" panose="020B0600070205080204" pitchFamily="50" charset="-128"/>
            </a:rPr>
            <a:t>　今後、庁舎を始めとする老朽化が進む施設の更新等を実施する中で、公共施設等総合管理計画等に基づき、町財政に過度な負担を招かない適切な事業執行を図ると共に、財源として地方債を発行する際には、可能な限り交付税措置のあるものを活用するなど、財政の健全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19897</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13214"/>
          <a:ext cx="0" cy="16500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63424</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935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19897</xdr:rowOff>
    </xdr:from>
    <xdr:to>
      <xdr:col>81</xdr:col>
      <xdr:colOff>133350</xdr:colOff>
      <xdr:row>23</xdr:row>
      <xdr:rowOff>19897</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963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3</xdr:row>
      <xdr:rowOff>140668</xdr:rowOff>
    </xdr:from>
    <xdr:to>
      <xdr:col>81</xdr:col>
      <xdr:colOff>44450</xdr:colOff>
      <xdr:row>13</xdr:row>
      <xdr:rowOff>151009</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2369518"/>
          <a:ext cx="8382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13591</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1709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51949</xdr:rowOff>
    </xdr:from>
    <xdr:to>
      <xdr:col>81</xdr:col>
      <xdr:colOff>95250</xdr:colOff>
      <xdr:row>13</xdr:row>
      <xdr:rowOff>153549</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280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3</xdr:row>
      <xdr:rowOff>151009</xdr:rowOff>
    </xdr:from>
    <xdr:to>
      <xdr:col>77</xdr:col>
      <xdr:colOff>44450</xdr:colOff>
      <xdr:row>14</xdr:row>
      <xdr:rowOff>103656</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5290800" y="2379859"/>
          <a:ext cx="889000" cy="124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86421</xdr:rowOff>
    </xdr:from>
    <xdr:to>
      <xdr:col>77</xdr:col>
      <xdr:colOff>95250</xdr:colOff>
      <xdr:row>14</xdr:row>
      <xdr:rowOff>16571</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315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26748</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0841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4</xdr:row>
      <xdr:rowOff>103656</xdr:rowOff>
    </xdr:from>
    <xdr:to>
      <xdr:col>72</xdr:col>
      <xdr:colOff>203200</xdr:colOff>
      <xdr:row>15</xdr:row>
      <xdr:rowOff>52856</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4401800" y="2503956"/>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40217</xdr:rowOff>
    </xdr:from>
    <xdr:to>
      <xdr:col>73</xdr:col>
      <xdr:colOff>44450</xdr:colOff>
      <xdr:row>14</xdr:row>
      <xdr:rowOff>141817</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44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51994</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20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52856</xdr:rowOff>
    </xdr:from>
    <xdr:to>
      <xdr:col>68</xdr:col>
      <xdr:colOff>152400</xdr:colOff>
      <xdr:row>15</xdr:row>
      <xdr:rowOff>113756</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flipV="1">
          <a:off x="13512800" y="2624606"/>
          <a:ext cx="889000" cy="60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95371</xdr:rowOff>
    </xdr:from>
    <xdr:to>
      <xdr:col>68</xdr:col>
      <xdr:colOff>203200</xdr:colOff>
      <xdr:row>15</xdr:row>
      <xdr:rowOff>25521</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35698</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26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1241</xdr:rowOff>
    </xdr:from>
    <xdr:to>
      <xdr:col>64</xdr:col>
      <xdr:colOff>152400</xdr:colOff>
      <xdr:row>15</xdr:row>
      <xdr:rowOff>1391</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471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1568</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2404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89868</xdr:rowOff>
    </xdr:from>
    <xdr:to>
      <xdr:col>81</xdr:col>
      <xdr:colOff>95250</xdr:colOff>
      <xdr:row>14</xdr:row>
      <xdr:rowOff>20018</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2318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3</xdr:row>
      <xdr:rowOff>138145</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23669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3</xdr:row>
      <xdr:rowOff>100209</xdr:rowOff>
    </xdr:from>
    <xdr:to>
      <xdr:col>77</xdr:col>
      <xdr:colOff>95250</xdr:colOff>
      <xdr:row>14</xdr:row>
      <xdr:rowOff>30359</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2329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15136</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24154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52856</xdr:rowOff>
    </xdr:from>
    <xdr:to>
      <xdr:col>73</xdr:col>
      <xdr:colOff>44450</xdr:colOff>
      <xdr:row>14</xdr:row>
      <xdr:rowOff>154456</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2453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39233</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253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2056</xdr:rowOff>
    </xdr:from>
    <xdr:to>
      <xdr:col>68</xdr:col>
      <xdr:colOff>203200</xdr:colOff>
      <xdr:row>15</xdr:row>
      <xdr:rowOff>103656</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257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88433</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2660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62956</xdr:rowOff>
    </xdr:from>
    <xdr:to>
      <xdr:col>64</xdr:col>
      <xdr:colOff>152400</xdr:colOff>
      <xdr:row>15</xdr:row>
      <xdr:rowOff>164556</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2634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49333</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2721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925
27,676
9.08
10,129,636
9,579,851
477,972
6,141,232
6,980,4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の経常収支比率は、分母となる経常的な一般財源が臨時財政対策債の減により減となった一方で、分子となる人件費が、人事院勧告等により増となったことから、前年度から</a:t>
          </a:r>
          <a:r>
            <a:rPr kumimoji="1" lang="en-US" altLang="ja-JP" sz="1300">
              <a:latin typeface="ＭＳ Ｐゴシック" panose="020B0600070205080204" pitchFamily="50" charset="-128"/>
              <a:ea typeface="ＭＳ Ｐゴシック" panose="020B0600070205080204" pitchFamily="50" charset="-128"/>
            </a:rPr>
            <a:t>2.1</a:t>
          </a:r>
          <a:r>
            <a:rPr kumimoji="1" lang="ja-JP" altLang="en-US" sz="1300">
              <a:latin typeface="ＭＳ Ｐゴシック" panose="020B0600070205080204" pitchFamily="50" charset="-128"/>
              <a:ea typeface="ＭＳ Ｐゴシック" panose="020B0600070205080204" pitchFamily="50" charset="-128"/>
            </a:rPr>
            <a:t>ポイントの増となった。</a:t>
          </a:r>
        </a:p>
        <a:p>
          <a:r>
            <a:rPr kumimoji="1" lang="ja-JP" altLang="en-US" sz="1300">
              <a:latin typeface="ＭＳ Ｐゴシック" panose="020B0600070205080204" pitchFamily="50" charset="-128"/>
              <a:ea typeface="ＭＳ Ｐゴシック" panose="020B0600070205080204" pitchFamily="50" charset="-128"/>
            </a:rPr>
            <a:t>　引続き業務の効率化等を図り、住民サービスの低下を招くことなく人件費の抑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68148</xdr:rowOff>
    </xdr:from>
    <xdr:to>
      <xdr:col>24</xdr:col>
      <xdr:colOff>25400</xdr:colOff>
      <xdr:row>40</xdr:row>
      <xdr:rowOff>13614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997448"/>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0822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966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36144</xdr:rowOff>
    </xdr:from>
    <xdr:to>
      <xdr:col>24</xdr:col>
      <xdr:colOff>114300</xdr:colOff>
      <xdr:row>40</xdr:row>
      <xdr:rowOff>13614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994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8307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740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68148</xdr:rowOff>
    </xdr:from>
    <xdr:to>
      <xdr:col>24</xdr:col>
      <xdr:colOff>114300</xdr:colOff>
      <xdr:row>34</xdr:row>
      <xdr:rowOff>16814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997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30988</xdr:rowOff>
    </xdr:from>
    <xdr:to>
      <xdr:col>24</xdr:col>
      <xdr:colOff>25400</xdr:colOff>
      <xdr:row>38</xdr:row>
      <xdr:rowOff>127000</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a:off x="3987800" y="6546088"/>
          <a:ext cx="8382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3875</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1346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17348</xdr:rowOff>
    </xdr:from>
    <xdr:to>
      <xdr:col>24</xdr:col>
      <xdr:colOff>76200</xdr:colOff>
      <xdr:row>37</xdr:row>
      <xdr:rowOff>47498</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30988</xdr:rowOff>
    </xdr:from>
    <xdr:to>
      <xdr:col>19</xdr:col>
      <xdr:colOff>187325</xdr:colOff>
      <xdr:row>38</xdr:row>
      <xdr:rowOff>108712</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flipV="1">
          <a:off x="3098800" y="6546088"/>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9916</xdr:rowOff>
    </xdr:from>
    <xdr:to>
      <xdr:col>20</xdr:col>
      <xdr:colOff>38100</xdr:colOff>
      <xdr:row>37</xdr:row>
      <xdr:rowOff>20066</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0243</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0309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53848</xdr:rowOff>
    </xdr:from>
    <xdr:to>
      <xdr:col>15</xdr:col>
      <xdr:colOff>98425</xdr:colOff>
      <xdr:row>38</xdr:row>
      <xdr:rowOff>108712</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2209800" y="6568948"/>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58496</xdr:rowOff>
    </xdr:from>
    <xdr:to>
      <xdr:col>15</xdr:col>
      <xdr:colOff>149225</xdr:colOff>
      <xdr:row>37</xdr:row>
      <xdr:rowOff>88646</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98823</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099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53848</xdr:rowOff>
    </xdr:from>
    <xdr:to>
      <xdr:col>11</xdr:col>
      <xdr:colOff>9525</xdr:colOff>
      <xdr:row>38</xdr:row>
      <xdr:rowOff>72136</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1320800" y="656894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5344</xdr:rowOff>
    </xdr:from>
    <xdr:to>
      <xdr:col>11</xdr:col>
      <xdr:colOff>60325</xdr:colOff>
      <xdr:row>37</xdr:row>
      <xdr:rowOff>15494</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5671</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9916</xdr:rowOff>
    </xdr:from>
    <xdr:to>
      <xdr:col>6</xdr:col>
      <xdr:colOff>171450</xdr:colOff>
      <xdr:row>37</xdr:row>
      <xdr:rowOff>20066</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0243</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76200</xdr:rowOff>
    </xdr:from>
    <xdr:to>
      <xdr:col>24</xdr:col>
      <xdr:colOff>76200</xdr:colOff>
      <xdr:row>39</xdr:row>
      <xdr:rowOff>6350</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59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48277</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56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51638</xdr:rowOff>
    </xdr:from>
    <xdr:to>
      <xdr:col>20</xdr:col>
      <xdr:colOff>38100</xdr:colOff>
      <xdr:row>38</xdr:row>
      <xdr:rowOff>81788</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495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66565</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5816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57912</xdr:rowOff>
    </xdr:from>
    <xdr:to>
      <xdr:col>15</xdr:col>
      <xdr:colOff>149225</xdr:colOff>
      <xdr:row>38</xdr:row>
      <xdr:rowOff>159512</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573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44289</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659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3048</xdr:rowOff>
    </xdr:from>
    <xdr:to>
      <xdr:col>11</xdr:col>
      <xdr:colOff>60325</xdr:colOff>
      <xdr:row>38</xdr:row>
      <xdr:rowOff>104648</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518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89425</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604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21336</xdr:rowOff>
    </xdr:from>
    <xdr:to>
      <xdr:col>6</xdr:col>
      <xdr:colOff>171450</xdr:colOff>
      <xdr:row>38</xdr:row>
      <xdr:rowOff>122936</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53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07713</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622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の経常収支比率は、決算額が増となったことから、前年度と比較して</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ポイントの増となった。</a:t>
          </a:r>
        </a:p>
        <a:p>
          <a:r>
            <a:rPr kumimoji="1" lang="ja-JP" altLang="en-US" sz="1300">
              <a:latin typeface="ＭＳ Ｐゴシック" panose="020B0600070205080204" pitchFamily="50" charset="-128"/>
              <a:ea typeface="ＭＳ Ｐゴシック" panose="020B0600070205080204" pitchFamily="50" charset="-128"/>
            </a:rPr>
            <a:t>　近年では、施設の改修等に伴う基本計画策定や現況調査のための委託などにより物件費が増加傾向となっている。また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においては、燃料価格高騰に伴う光熱水費の増の影響も大きい。</a:t>
          </a:r>
        </a:p>
        <a:p>
          <a:r>
            <a:rPr kumimoji="1" lang="ja-JP" altLang="en-US" sz="1300">
              <a:latin typeface="ＭＳ Ｐゴシック" panose="020B0600070205080204" pitchFamily="50" charset="-128"/>
              <a:ea typeface="ＭＳ Ｐゴシック" panose="020B0600070205080204" pitchFamily="50" charset="-128"/>
            </a:rPr>
            <a:t>　引続き計画的な事業執行を行うことで、数値の急激な増加を招かないよう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42</xdr:rowOff>
    </xdr:from>
    <xdr:to>
      <xdr:col>82</xdr:col>
      <xdr:colOff>107950</xdr:colOff>
      <xdr:row>21</xdr:row>
      <xdr:rowOff>161290</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234692"/>
          <a:ext cx="0" cy="152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33367</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73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61290</xdr:rowOff>
    </xdr:from>
    <xdr:to>
      <xdr:col>82</xdr:col>
      <xdr:colOff>196850</xdr:colOff>
      <xdr:row>21</xdr:row>
      <xdr:rowOff>16129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761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2219</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1978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42</xdr:rowOff>
    </xdr:from>
    <xdr:to>
      <xdr:col>82</xdr:col>
      <xdr:colOff>196850</xdr:colOff>
      <xdr:row>13</xdr:row>
      <xdr:rowOff>5842</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234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33858</xdr:rowOff>
    </xdr:from>
    <xdr:to>
      <xdr:col>82</xdr:col>
      <xdr:colOff>107950</xdr:colOff>
      <xdr:row>18</xdr:row>
      <xdr:rowOff>117856</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5671800" y="3048508"/>
          <a:ext cx="8382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3019</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714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6492</xdr:rowOff>
    </xdr:from>
    <xdr:to>
      <xdr:col>82</xdr:col>
      <xdr:colOff>158750</xdr:colOff>
      <xdr:row>17</xdr:row>
      <xdr:rowOff>56642</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869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33858</xdr:rowOff>
    </xdr:from>
    <xdr:to>
      <xdr:col>78</xdr:col>
      <xdr:colOff>69850</xdr:colOff>
      <xdr:row>18</xdr:row>
      <xdr:rowOff>62992</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3048508"/>
          <a:ext cx="8890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6764</xdr:rowOff>
    </xdr:from>
    <xdr:to>
      <xdr:col>78</xdr:col>
      <xdr:colOff>120650</xdr:colOff>
      <xdr:row>16</xdr:row>
      <xdr:rowOff>118364</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28541</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5288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26416</xdr:rowOff>
    </xdr:from>
    <xdr:to>
      <xdr:col>73</xdr:col>
      <xdr:colOff>180975</xdr:colOff>
      <xdr:row>18</xdr:row>
      <xdr:rowOff>62992</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3893800" y="311251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80772</xdr:rowOff>
    </xdr:from>
    <xdr:to>
      <xdr:col>74</xdr:col>
      <xdr:colOff>31750</xdr:colOff>
      <xdr:row>17</xdr:row>
      <xdr:rowOff>10922</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21099</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592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24714</xdr:rowOff>
    </xdr:from>
    <xdr:to>
      <xdr:col>69</xdr:col>
      <xdr:colOff>92075</xdr:colOff>
      <xdr:row>18</xdr:row>
      <xdr:rowOff>26416</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3039364"/>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37338</xdr:rowOff>
    </xdr:from>
    <xdr:to>
      <xdr:col>69</xdr:col>
      <xdr:colOff>142875</xdr:colOff>
      <xdr:row>17</xdr:row>
      <xdr:rowOff>138938</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49115</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720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3068</xdr:rowOff>
    </xdr:from>
    <xdr:to>
      <xdr:col>65</xdr:col>
      <xdr:colOff>53975</xdr:colOff>
      <xdr:row>17</xdr:row>
      <xdr:rowOff>93218</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3395</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675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67056</xdr:rowOff>
    </xdr:from>
    <xdr:to>
      <xdr:col>82</xdr:col>
      <xdr:colOff>158750</xdr:colOff>
      <xdr:row>18</xdr:row>
      <xdr:rowOff>168656</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3153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39133</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3125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83058</xdr:rowOff>
    </xdr:from>
    <xdr:to>
      <xdr:col>78</xdr:col>
      <xdr:colOff>120650</xdr:colOff>
      <xdr:row>18</xdr:row>
      <xdr:rowOff>13208</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997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69435</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30840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2192</xdr:rowOff>
    </xdr:from>
    <xdr:to>
      <xdr:col>74</xdr:col>
      <xdr:colOff>31750</xdr:colOff>
      <xdr:row>18</xdr:row>
      <xdr:rowOff>113792</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3098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98569</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3184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47066</xdr:rowOff>
    </xdr:from>
    <xdr:to>
      <xdr:col>69</xdr:col>
      <xdr:colOff>142875</xdr:colOff>
      <xdr:row>18</xdr:row>
      <xdr:rowOff>77216</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3061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61993</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3148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73914</xdr:rowOff>
    </xdr:from>
    <xdr:to>
      <xdr:col>65</xdr:col>
      <xdr:colOff>53975</xdr:colOff>
      <xdr:row>18</xdr:row>
      <xdr:rowOff>4064</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98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60291</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3074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の経常収支比率は、前年度と比べて</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の増となった。</a:t>
          </a:r>
        </a:p>
        <a:p>
          <a:r>
            <a:rPr kumimoji="1" lang="ja-JP" altLang="en-US" sz="1300">
              <a:latin typeface="ＭＳ Ｐゴシック" panose="020B0600070205080204" pitchFamily="50" charset="-128"/>
              <a:ea typeface="ＭＳ Ｐゴシック" panose="020B0600070205080204" pitchFamily="50" charset="-128"/>
            </a:rPr>
            <a:t>　扶助費の経常的な支出は例年増加傾向であることから、引き続き関係制度の見直し等を行うことで、財政の圧迫を緩和できるよう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4215</xdr:rowOff>
    </xdr:from>
    <xdr:to>
      <xdr:col>24</xdr:col>
      <xdr:colOff>25400</xdr:colOff>
      <xdr:row>60</xdr:row>
      <xdr:rowOff>143328</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069615"/>
          <a:ext cx="0" cy="13607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5405</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43328</xdr:rowOff>
    </xdr:from>
    <xdr:to>
      <xdr:col>24</xdr:col>
      <xdr:colOff>114300</xdr:colOff>
      <xdr:row>60</xdr:row>
      <xdr:rowOff>143328</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9142</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813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4215</xdr:rowOff>
    </xdr:from>
    <xdr:to>
      <xdr:col>24</xdr:col>
      <xdr:colOff>114300</xdr:colOff>
      <xdr:row>52</xdr:row>
      <xdr:rowOff>154215</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069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75293</xdr:rowOff>
    </xdr:from>
    <xdr:to>
      <xdr:col>24</xdr:col>
      <xdr:colOff>25400</xdr:colOff>
      <xdr:row>55</xdr:row>
      <xdr:rowOff>10795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950504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1949</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633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75293</xdr:rowOff>
    </xdr:from>
    <xdr:to>
      <xdr:col>19</xdr:col>
      <xdr:colOff>187325</xdr:colOff>
      <xdr:row>55</xdr:row>
      <xdr:rowOff>75293</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3098800" y="95050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443</xdr:rowOff>
    </xdr:from>
    <xdr:to>
      <xdr:col>20</xdr:col>
      <xdr:colOff>38100</xdr:colOff>
      <xdr:row>56</xdr:row>
      <xdr:rowOff>107043</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91820</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693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75293</xdr:rowOff>
    </xdr:from>
    <xdr:to>
      <xdr:col>15</xdr:col>
      <xdr:colOff>98425</xdr:colOff>
      <xdr:row>56</xdr:row>
      <xdr:rowOff>23585</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2209800" y="9505043"/>
          <a:ext cx="889000" cy="119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872</xdr:rowOff>
    </xdr:from>
    <xdr:to>
      <xdr:col>15</xdr:col>
      <xdr:colOff>149225</xdr:colOff>
      <xdr:row>56</xdr:row>
      <xdr:rowOff>161472</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46249</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747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62378</xdr:rowOff>
    </xdr:from>
    <xdr:to>
      <xdr:col>11</xdr:col>
      <xdr:colOff>9525</xdr:colOff>
      <xdr:row>56</xdr:row>
      <xdr:rowOff>23585</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1320800" y="9592128"/>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03415</xdr:rowOff>
    </xdr:from>
    <xdr:to>
      <xdr:col>11</xdr:col>
      <xdr:colOff>60325</xdr:colOff>
      <xdr:row>57</xdr:row>
      <xdr:rowOff>33565</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8342</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9872</xdr:rowOff>
    </xdr:from>
    <xdr:to>
      <xdr:col>6</xdr:col>
      <xdr:colOff>171450</xdr:colOff>
      <xdr:row>56</xdr:row>
      <xdr:rowOff>161472</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46249</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747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73677</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24493</xdr:rowOff>
    </xdr:from>
    <xdr:to>
      <xdr:col>20</xdr:col>
      <xdr:colOff>38100</xdr:colOff>
      <xdr:row>55</xdr:row>
      <xdr:rowOff>126093</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45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36270</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9223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24493</xdr:rowOff>
    </xdr:from>
    <xdr:to>
      <xdr:col>15</xdr:col>
      <xdr:colOff>149225</xdr:colOff>
      <xdr:row>55</xdr:row>
      <xdr:rowOff>126093</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945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36270</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9223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44235</xdr:rowOff>
    </xdr:from>
    <xdr:to>
      <xdr:col>11</xdr:col>
      <xdr:colOff>60325</xdr:colOff>
      <xdr:row>56</xdr:row>
      <xdr:rowOff>74385</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9573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84562</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9342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11578</xdr:rowOff>
    </xdr:from>
    <xdr:to>
      <xdr:col>6</xdr:col>
      <xdr:colOff>171450</xdr:colOff>
      <xdr:row>56</xdr:row>
      <xdr:rowOff>41728</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9541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51905</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931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の経常収支比率は、前年度から</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の増となった。依然として類似団体、神奈川県及び全国平均を大きく上回っており、構成の多くを占めるのは特別会計への繰出金となっている。</a:t>
          </a:r>
        </a:p>
        <a:p>
          <a:r>
            <a:rPr kumimoji="1" lang="ja-JP" altLang="en-US" sz="1300">
              <a:latin typeface="ＭＳ Ｐゴシック" panose="020B0600070205080204" pitchFamily="50" charset="-128"/>
              <a:ea typeface="ＭＳ Ｐゴシック" panose="020B0600070205080204" pitchFamily="50" charset="-128"/>
            </a:rPr>
            <a:t>　今後も、事業会計での医療費や介護サービス給付費等の適正化を図るなど、繰出金抑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56935</xdr:rowOff>
    </xdr:from>
    <xdr:to>
      <xdr:col>82</xdr:col>
      <xdr:colOff>107950</xdr:colOff>
      <xdr:row>62</xdr:row>
      <xdr:rowOff>94343</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flipV="1">
          <a:off x="16510000" y="9243785"/>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66420</xdr:rowOff>
    </xdr:from>
    <xdr:ext cx="762000" cy="259045"/>
    <xdr:sp macro="" textlink="">
      <xdr:nvSpPr>
        <xdr:cNvPr id="245" name="その他最小値テキスト">
          <a:extLst>
            <a:ext uri="{FF2B5EF4-FFF2-40B4-BE49-F238E27FC236}">
              <a16:creationId xmlns:a16="http://schemas.microsoft.com/office/drawing/2014/main" id="{00000000-0008-0000-0400-0000F5000000}"/>
            </a:ext>
          </a:extLst>
        </xdr:cNvPr>
        <xdr:cNvSpPr txBox="1"/>
      </xdr:nvSpPr>
      <xdr:spPr>
        <a:xfrm>
          <a:off x="16598900" y="10696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94343</xdr:rowOff>
    </xdr:from>
    <xdr:to>
      <xdr:col>82</xdr:col>
      <xdr:colOff>196850</xdr:colOff>
      <xdr:row>62</xdr:row>
      <xdr:rowOff>94343</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10724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71862</xdr:rowOff>
    </xdr:from>
    <xdr:ext cx="762000" cy="259045"/>
    <xdr:sp macro="" textlink="">
      <xdr:nvSpPr>
        <xdr:cNvPr id="247" name="その他最大値テキスト">
          <a:extLst>
            <a:ext uri="{FF2B5EF4-FFF2-40B4-BE49-F238E27FC236}">
              <a16:creationId xmlns:a16="http://schemas.microsoft.com/office/drawing/2014/main" id="{00000000-0008-0000-0400-0000F7000000}"/>
            </a:ext>
          </a:extLst>
        </xdr:cNvPr>
        <xdr:cNvSpPr txBox="1"/>
      </xdr:nvSpPr>
      <xdr:spPr>
        <a:xfrm>
          <a:off x="16598900" y="8987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56935</xdr:rowOff>
    </xdr:from>
    <xdr:to>
      <xdr:col>82</xdr:col>
      <xdr:colOff>196850</xdr:colOff>
      <xdr:row>53</xdr:row>
      <xdr:rowOff>156935</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9243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60</xdr:row>
      <xdr:rowOff>154215</xdr:rowOff>
    </xdr:from>
    <xdr:to>
      <xdr:col>82</xdr:col>
      <xdr:colOff>107950</xdr:colOff>
      <xdr:row>61</xdr:row>
      <xdr:rowOff>6985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5671800" y="10441215"/>
          <a:ext cx="8382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41712</xdr:rowOff>
    </xdr:from>
    <xdr:ext cx="762000" cy="259045"/>
    <xdr:sp macro="" textlink="">
      <xdr:nvSpPr>
        <xdr:cNvPr id="250" name="その他平均値テキスト">
          <a:extLst>
            <a:ext uri="{FF2B5EF4-FFF2-40B4-BE49-F238E27FC236}">
              <a16:creationId xmlns:a16="http://schemas.microsoft.com/office/drawing/2014/main" id="{00000000-0008-0000-0400-0000FA000000}"/>
            </a:ext>
          </a:extLst>
        </xdr:cNvPr>
        <xdr:cNvSpPr txBox="1"/>
      </xdr:nvSpPr>
      <xdr:spPr>
        <a:xfrm>
          <a:off x="16598900" y="95714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25185</xdr:rowOff>
    </xdr:from>
    <xdr:to>
      <xdr:col>82</xdr:col>
      <xdr:colOff>158750</xdr:colOff>
      <xdr:row>57</xdr:row>
      <xdr:rowOff>55335</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64592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0</xdr:row>
      <xdr:rowOff>154215</xdr:rowOff>
    </xdr:from>
    <xdr:to>
      <xdr:col>78</xdr:col>
      <xdr:colOff>69850</xdr:colOff>
      <xdr:row>61</xdr:row>
      <xdr:rowOff>102507</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4782800" y="10441215"/>
          <a:ext cx="889000" cy="119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59872</xdr:rowOff>
    </xdr:from>
    <xdr:to>
      <xdr:col>78</xdr:col>
      <xdr:colOff>120650</xdr:colOff>
      <xdr:row>56</xdr:row>
      <xdr:rowOff>161472</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5621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99</xdr:rowOff>
    </xdr:from>
    <xdr:ext cx="7366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5290800" y="9429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1</xdr:row>
      <xdr:rowOff>102507</xdr:rowOff>
    </xdr:from>
    <xdr:to>
      <xdr:col>73</xdr:col>
      <xdr:colOff>180975</xdr:colOff>
      <xdr:row>61</xdr:row>
      <xdr:rowOff>14605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3893800" y="105609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9942</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4401800" y="9549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1</xdr:row>
      <xdr:rowOff>146050</xdr:rowOff>
    </xdr:from>
    <xdr:to>
      <xdr:col>69</xdr:col>
      <xdr:colOff>92075</xdr:colOff>
      <xdr:row>62</xdr:row>
      <xdr:rowOff>61685</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3004800" y="10604500"/>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62593</xdr:rowOff>
    </xdr:from>
    <xdr:to>
      <xdr:col>69</xdr:col>
      <xdr:colOff>142875</xdr:colOff>
      <xdr:row>57</xdr:row>
      <xdr:rowOff>164193</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3843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920</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3512800" y="9604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27907</xdr:rowOff>
    </xdr:from>
    <xdr:to>
      <xdr:col>65</xdr:col>
      <xdr:colOff>53975</xdr:colOff>
      <xdr:row>58</xdr:row>
      <xdr:rowOff>58057</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2954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68234</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623800" y="966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61</xdr:row>
      <xdr:rowOff>19050</xdr:rowOff>
    </xdr:from>
    <xdr:to>
      <xdr:col>82</xdr:col>
      <xdr:colOff>158750</xdr:colOff>
      <xdr:row>61</xdr:row>
      <xdr:rowOff>12065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6459200" y="1047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60</xdr:row>
      <xdr:rowOff>162577</xdr:rowOff>
    </xdr:from>
    <xdr:ext cx="762000" cy="259045"/>
    <xdr:sp macro="" textlink="">
      <xdr:nvSpPr>
        <xdr:cNvPr id="269" name="その他該当値テキスト">
          <a:extLst>
            <a:ext uri="{FF2B5EF4-FFF2-40B4-BE49-F238E27FC236}">
              <a16:creationId xmlns:a16="http://schemas.microsoft.com/office/drawing/2014/main" id="{00000000-0008-0000-0400-00000D010000}"/>
            </a:ext>
          </a:extLst>
        </xdr:cNvPr>
        <xdr:cNvSpPr txBox="1"/>
      </xdr:nvSpPr>
      <xdr:spPr>
        <a:xfrm>
          <a:off x="16598900" y="1044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103415</xdr:rowOff>
    </xdr:from>
    <xdr:to>
      <xdr:col>78</xdr:col>
      <xdr:colOff>120650</xdr:colOff>
      <xdr:row>61</xdr:row>
      <xdr:rowOff>33565</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5621000" y="10390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1</xdr:row>
      <xdr:rowOff>18342</xdr:rowOff>
    </xdr:from>
    <xdr:ext cx="7366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5290800" y="10476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61</xdr:row>
      <xdr:rowOff>51707</xdr:rowOff>
    </xdr:from>
    <xdr:to>
      <xdr:col>74</xdr:col>
      <xdr:colOff>31750</xdr:colOff>
      <xdr:row>61</xdr:row>
      <xdr:rowOff>153307</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4732000" y="10510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1</xdr:row>
      <xdr:rowOff>138084</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401800" y="10596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1</xdr:row>
      <xdr:rowOff>95250</xdr:rowOff>
    </xdr:from>
    <xdr:to>
      <xdr:col>69</xdr:col>
      <xdr:colOff>142875</xdr:colOff>
      <xdr:row>62</xdr:row>
      <xdr:rowOff>2540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3843000" y="1055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2</xdr:row>
      <xdr:rowOff>1017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3512800" y="1064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2</xdr:row>
      <xdr:rowOff>10885</xdr:rowOff>
    </xdr:from>
    <xdr:to>
      <xdr:col>65</xdr:col>
      <xdr:colOff>53975</xdr:colOff>
      <xdr:row>62</xdr:row>
      <xdr:rowOff>112485</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2954000" y="1064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2</xdr:row>
      <xdr:rowOff>97262</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2623800" y="1072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の経常収支比率は、消防指令センター運営に係る負担金の増などにより、前年度から</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増となったが、例年同様に類似団体平均、神奈川県平均及び全国平均をいずれも下回っている。</a:t>
          </a:r>
        </a:p>
        <a:p>
          <a:r>
            <a:rPr kumimoji="1" lang="ja-JP" altLang="en-US" sz="1300">
              <a:latin typeface="ＭＳ Ｐゴシック" panose="020B0600070205080204" pitchFamily="50" charset="-128"/>
              <a:ea typeface="ＭＳ Ｐゴシック" panose="020B0600070205080204" pitchFamily="50" charset="-128"/>
            </a:rPr>
            <a:t>　今後も補助金等の効果を検証し、補助費全体の厳正な精査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1" name="補助費等グラフ枠">
          <a:extLst>
            <a:ext uri="{FF2B5EF4-FFF2-40B4-BE49-F238E27FC236}">
              <a16:creationId xmlns:a16="http://schemas.microsoft.com/office/drawing/2014/main" id="{00000000-0008-0000-0400-00002D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6708</xdr:rowOff>
    </xdr:from>
    <xdr:to>
      <xdr:col>82</xdr:col>
      <xdr:colOff>107950</xdr:colOff>
      <xdr:row>40</xdr:row>
      <xdr:rowOff>3556</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flipV="1">
          <a:off x="16510000" y="5906008"/>
          <a:ext cx="0" cy="9555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47083</xdr:rowOff>
    </xdr:from>
    <xdr:ext cx="762000" cy="259045"/>
    <xdr:sp macro="" textlink="">
      <xdr:nvSpPr>
        <xdr:cNvPr id="303" name="補助費等最小値テキスト">
          <a:extLst>
            <a:ext uri="{FF2B5EF4-FFF2-40B4-BE49-F238E27FC236}">
              <a16:creationId xmlns:a16="http://schemas.microsoft.com/office/drawing/2014/main" id="{00000000-0008-0000-0400-00002F010000}"/>
            </a:ext>
          </a:extLst>
        </xdr:cNvPr>
        <xdr:cNvSpPr txBox="1"/>
      </xdr:nvSpPr>
      <xdr:spPr>
        <a:xfrm>
          <a:off x="16598900" y="6833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556</xdr:rowOff>
    </xdr:from>
    <xdr:to>
      <xdr:col>82</xdr:col>
      <xdr:colOff>196850</xdr:colOff>
      <xdr:row>40</xdr:row>
      <xdr:rowOff>3556</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6861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63085</xdr:rowOff>
    </xdr:from>
    <xdr:ext cx="762000" cy="259045"/>
    <xdr:sp macro="" textlink="">
      <xdr:nvSpPr>
        <xdr:cNvPr id="305" name="補助費等最大値テキスト">
          <a:extLst>
            <a:ext uri="{FF2B5EF4-FFF2-40B4-BE49-F238E27FC236}">
              <a16:creationId xmlns:a16="http://schemas.microsoft.com/office/drawing/2014/main" id="{00000000-0008-0000-0400-000031010000}"/>
            </a:ext>
          </a:extLst>
        </xdr:cNvPr>
        <xdr:cNvSpPr txBox="1"/>
      </xdr:nvSpPr>
      <xdr:spPr>
        <a:xfrm>
          <a:off x="16598900" y="5649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76708</xdr:rowOff>
    </xdr:from>
    <xdr:to>
      <xdr:col>82</xdr:col>
      <xdr:colOff>196850</xdr:colOff>
      <xdr:row>34</xdr:row>
      <xdr:rowOff>76708</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6421100" y="5906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59004</xdr:rowOff>
    </xdr:from>
    <xdr:to>
      <xdr:col>82</xdr:col>
      <xdr:colOff>107950</xdr:colOff>
      <xdr:row>35</xdr:row>
      <xdr:rowOff>14986</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5671800" y="5988304"/>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03141</xdr:rowOff>
    </xdr:from>
    <xdr:ext cx="762000" cy="259045"/>
    <xdr:sp macro="" textlink="">
      <xdr:nvSpPr>
        <xdr:cNvPr id="308" name="補助費等平均値テキスト">
          <a:extLst>
            <a:ext uri="{FF2B5EF4-FFF2-40B4-BE49-F238E27FC236}">
              <a16:creationId xmlns:a16="http://schemas.microsoft.com/office/drawing/2014/main" id="{00000000-0008-0000-0400-000034010000}"/>
            </a:ext>
          </a:extLst>
        </xdr:cNvPr>
        <xdr:cNvSpPr txBox="1"/>
      </xdr:nvSpPr>
      <xdr:spPr>
        <a:xfrm>
          <a:off x="16598900" y="62753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31064</xdr:rowOff>
    </xdr:from>
    <xdr:to>
      <xdr:col>82</xdr:col>
      <xdr:colOff>158750</xdr:colOff>
      <xdr:row>37</xdr:row>
      <xdr:rowOff>61214</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64592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59004</xdr:rowOff>
    </xdr:from>
    <xdr:to>
      <xdr:col>78</xdr:col>
      <xdr:colOff>69850</xdr:colOff>
      <xdr:row>35</xdr:row>
      <xdr:rowOff>2413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flipV="1">
          <a:off x="14782800" y="5988304"/>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8204</xdr:rowOff>
    </xdr:from>
    <xdr:to>
      <xdr:col>78</xdr:col>
      <xdr:colOff>120650</xdr:colOff>
      <xdr:row>37</xdr:row>
      <xdr:rowOff>38354</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56210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23131</xdr:rowOff>
    </xdr:from>
    <xdr:ext cx="7366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5290800" y="63667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270</xdr:rowOff>
    </xdr:from>
    <xdr:to>
      <xdr:col>73</xdr:col>
      <xdr:colOff>180975</xdr:colOff>
      <xdr:row>35</xdr:row>
      <xdr:rowOff>2413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3893800" y="60020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270</xdr:rowOff>
    </xdr:from>
    <xdr:to>
      <xdr:col>69</xdr:col>
      <xdr:colOff>92075</xdr:colOff>
      <xdr:row>35</xdr:row>
      <xdr:rowOff>14986</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flipV="1">
          <a:off x="13004800" y="600202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44780</xdr:rowOff>
    </xdr:from>
    <xdr:to>
      <xdr:col>69</xdr:col>
      <xdr:colOff>142875</xdr:colOff>
      <xdr:row>37</xdr:row>
      <xdr:rowOff>74930</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3843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5970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3512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2954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1419</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2623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35636</xdr:rowOff>
    </xdr:from>
    <xdr:to>
      <xdr:col>82</xdr:col>
      <xdr:colOff>158750</xdr:colOff>
      <xdr:row>35</xdr:row>
      <xdr:rowOff>65786</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6459200" y="5964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44213</xdr:rowOff>
    </xdr:from>
    <xdr:ext cx="762000" cy="259045"/>
    <xdr:sp macro="" textlink="">
      <xdr:nvSpPr>
        <xdr:cNvPr id="327" name="補助費等該当値テキスト">
          <a:extLst>
            <a:ext uri="{FF2B5EF4-FFF2-40B4-BE49-F238E27FC236}">
              <a16:creationId xmlns:a16="http://schemas.microsoft.com/office/drawing/2014/main" id="{00000000-0008-0000-0400-000047010000}"/>
            </a:ext>
          </a:extLst>
        </xdr:cNvPr>
        <xdr:cNvSpPr txBox="1"/>
      </xdr:nvSpPr>
      <xdr:spPr>
        <a:xfrm>
          <a:off x="16598900" y="5873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08204</xdr:rowOff>
    </xdr:from>
    <xdr:to>
      <xdr:col>78</xdr:col>
      <xdr:colOff>120650</xdr:colOff>
      <xdr:row>35</xdr:row>
      <xdr:rowOff>38354</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5621000" y="5937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48531</xdr:rowOff>
    </xdr:from>
    <xdr:ext cx="7366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5290800" y="5706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44780</xdr:rowOff>
    </xdr:from>
    <xdr:to>
      <xdr:col>74</xdr:col>
      <xdr:colOff>31750</xdr:colOff>
      <xdr:row>35</xdr:row>
      <xdr:rowOff>74930</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4732000" y="597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8510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4401800" y="574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21920</xdr:rowOff>
    </xdr:from>
    <xdr:to>
      <xdr:col>69</xdr:col>
      <xdr:colOff>142875</xdr:colOff>
      <xdr:row>35</xdr:row>
      <xdr:rowOff>52070</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3843000" y="595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6224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512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35636</xdr:rowOff>
    </xdr:from>
    <xdr:to>
      <xdr:col>65</xdr:col>
      <xdr:colOff>53975</xdr:colOff>
      <xdr:row>35</xdr:row>
      <xdr:rowOff>65786</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2954000" y="5964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75963</xdr:rowOff>
    </xdr:from>
    <xdr:ext cx="7620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2623800" y="5733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例年公債費の経常収支比率は、類似団体平均と比較しても下回っている状態が続いている。当年度については大型事業の元金償還が開始したことに伴い、前年度から</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の増となった。</a:t>
          </a:r>
        </a:p>
      </xdr:txBody>
    </xdr:sp>
    <xdr:clientData/>
  </xdr:twoCellAnchor>
  <xdr:oneCellAnchor>
    <xdr:from>
      <xdr:col>3</xdr:col>
      <xdr:colOff>123825</xdr:colOff>
      <xdr:row>69</xdr:row>
      <xdr:rowOff>107950</xdr:rowOff>
    </xdr:from>
    <xdr:ext cx="298543" cy="225703"/>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9" name="公債費グラフ枠">
          <a:extLst>
            <a:ext uri="{FF2B5EF4-FFF2-40B4-BE49-F238E27FC236}">
              <a16:creationId xmlns:a16="http://schemas.microsoft.com/office/drawing/2014/main" id="{00000000-0008-0000-0400-000067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7272</xdr:rowOff>
    </xdr:from>
    <xdr:to>
      <xdr:col>24</xdr:col>
      <xdr:colOff>25400</xdr:colOff>
      <xdr:row>80</xdr:row>
      <xdr:rowOff>85852</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flipV="1">
          <a:off x="4826000" y="12704572"/>
          <a:ext cx="0" cy="109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7929</xdr:rowOff>
    </xdr:from>
    <xdr:ext cx="762000" cy="259045"/>
    <xdr:sp macro="" textlink="">
      <xdr:nvSpPr>
        <xdr:cNvPr id="361" name="公債費最小値テキスト">
          <a:extLst>
            <a:ext uri="{FF2B5EF4-FFF2-40B4-BE49-F238E27FC236}">
              <a16:creationId xmlns:a16="http://schemas.microsoft.com/office/drawing/2014/main" id="{00000000-0008-0000-0400-000069010000}"/>
            </a:ext>
          </a:extLst>
        </xdr:cNvPr>
        <xdr:cNvSpPr txBox="1"/>
      </xdr:nvSpPr>
      <xdr:spPr>
        <a:xfrm>
          <a:off x="4914900" y="1377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5852</xdr:rowOff>
    </xdr:from>
    <xdr:to>
      <xdr:col>24</xdr:col>
      <xdr:colOff>114300</xdr:colOff>
      <xdr:row>80</xdr:row>
      <xdr:rowOff>85852</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380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03649</xdr:rowOff>
    </xdr:from>
    <xdr:ext cx="762000" cy="259045"/>
    <xdr:sp macro="" textlink="">
      <xdr:nvSpPr>
        <xdr:cNvPr id="363" name="公債費最大値テキスト">
          <a:extLst>
            <a:ext uri="{FF2B5EF4-FFF2-40B4-BE49-F238E27FC236}">
              <a16:creationId xmlns:a16="http://schemas.microsoft.com/office/drawing/2014/main" id="{00000000-0008-0000-0400-00006B010000}"/>
            </a:ext>
          </a:extLst>
        </xdr:cNvPr>
        <xdr:cNvSpPr txBox="1"/>
      </xdr:nvSpPr>
      <xdr:spPr>
        <a:xfrm>
          <a:off x="4914900" y="1244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7272</xdr:rowOff>
    </xdr:from>
    <xdr:to>
      <xdr:col>24</xdr:col>
      <xdr:colOff>114300</xdr:colOff>
      <xdr:row>74</xdr:row>
      <xdr:rowOff>17272</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4737100" y="12704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26415</xdr:rowOff>
    </xdr:from>
    <xdr:to>
      <xdr:col>24</xdr:col>
      <xdr:colOff>25400</xdr:colOff>
      <xdr:row>76</xdr:row>
      <xdr:rowOff>67563</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3987800" y="13056615"/>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0281</xdr:rowOff>
    </xdr:from>
    <xdr:ext cx="762000" cy="259045"/>
    <xdr:sp macro="" textlink="">
      <xdr:nvSpPr>
        <xdr:cNvPr id="366" name="公債費平均値テキスト">
          <a:extLst>
            <a:ext uri="{FF2B5EF4-FFF2-40B4-BE49-F238E27FC236}">
              <a16:creationId xmlns:a16="http://schemas.microsoft.com/office/drawing/2014/main" id="{00000000-0008-0000-0400-00006E010000}"/>
            </a:ext>
          </a:extLst>
        </xdr:cNvPr>
        <xdr:cNvSpPr txBox="1"/>
      </xdr:nvSpPr>
      <xdr:spPr>
        <a:xfrm>
          <a:off x="4914900" y="13110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8204</xdr:rowOff>
    </xdr:from>
    <xdr:to>
      <xdr:col>24</xdr:col>
      <xdr:colOff>76200</xdr:colOff>
      <xdr:row>77</xdr:row>
      <xdr:rowOff>38354</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4775200" y="13138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26415</xdr:rowOff>
    </xdr:from>
    <xdr:to>
      <xdr:col>19</xdr:col>
      <xdr:colOff>187325</xdr:colOff>
      <xdr:row>76</xdr:row>
      <xdr:rowOff>40132</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flipV="1">
          <a:off x="3098800" y="13056615"/>
          <a:ext cx="889000" cy="1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80772</xdr:rowOff>
    </xdr:from>
    <xdr:to>
      <xdr:col>20</xdr:col>
      <xdr:colOff>38100</xdr:colOff>
      <xdr:row>77</xdr:row>
      <xdr:rowOff>10922</xdr:rowOff>
    </xdr:to>
    <xdr:sp macro="" textlink="">
      <xdr:nvSpPr>
        <xdr:cNvPr id="369" name="フローチャート: 判断 368">
          <a:extLst>
            <a:ext uri="{FF2B5EF4-FFF2-40B4-BE49-F238E27FC236}">
              <a16:creationId xmlns:a16="http://schemas.microsoft.com/office/drawing/2014/main" id="{00000000-0008-0000-0400-000071010000}"/>
            </a:ext>
          </a:extLst>
        </xdr:cNvPr>
        <xdr:cNvSpPr/>
      </xdr:nvSpPr>
      <xdr:spPr>
        <a:xfrm>
          <a:off x="39370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67149</xdr:rowOff>
    </xdr:from>
    <xdr:ext cx="7366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3606800" y="13197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40132</xdr:rowOff>
    </xdr:from>
    <xdr:to>
      <xdr:col>15</xdr:col>
      <xdr:colOff>98425</xdr:colOff>
      <xdr:row>76</xdr:row>
      <xdr:rowOff>85852</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flipV="1">
          <a:off x="2209800" y="1307033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12776</xdr:rowOff>
    </xdr:from>
    <xdr:to>
      <xdr:col>15</xdr:col>
      <xdr:colOff>149225</xdr:colOff>
      <xdr:row>77</xdr:row>
      <xdr:rowOff>42926</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30480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27703</xdr:rowOff>
    </xdr:from>
    <xdr:ext cx="762000" cy="259045"/>
    <xdr:sp macro="" textlink="">
      <xdr:nvSpPr>
        <xdr:cNvPr id="373" name="テキスト ボックス 372">
          <a:extLst>
            <a:ext uri="{FF2B5EF4-FFF2-40B4-BE49-F238E27FC236}">
              <a16:creationId xmlns:a16="http://schemas.microsoft.com/office/drawing/2014/main" id="{00000000-0008-0000-0400-000075010000}"/>
            </a:ext>
          </a:extLst>
        </xdr:cNvPr>
        <xdr:cNvSpPr txBox="1"/>
      </xdr:nvSpPr>
      <xdr:spPr>
        <a:xfrm>
          <a:off x="2717800" y="13229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72137</xdr:rowOff>
    </xdr:from>
    <xdr:to>
      <xdr:col>11</xdr:col>
      <xdr:colOff>9525</xdr:colOff>
      <xdr:row>76</xdr:row>
      <xdr:rowOff>85852</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1320800" y="13102337"/>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1920</xdr:rowOff>
    </xdr:from>
    <xdr:to>
      <xdr:col>11</xdr:col>
      <xdr:colOff>60325</xdr:colOff>
      <xdr:row>77</xdr:row>
      <xdr:rowOff>52070</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2159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36847</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1828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1270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990</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939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6763</xdr:rowOff>
    </xdr:from>
    <xdr:to>
      <xdr:col>24</xdr:col>
      <xdr:colOff>76200</xdr:colOff>
      <xdr:row>76</xdr:row>
      <xdr:rowOff>118363</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4775200" y="13046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33291</xdr:rowOff>
    </xdr:from>
    <xdr:ext cx="762000" cy="259045"/>
    <xdr:sp macro="" textlink="">
      <xdr:nvSpPr>
        <xdr:cNvPr id="385" name="公債費該当値テキスト">
          <a:extLst>
            <a:ext uri="{FF2B5EF4-FFF2-40B4-BE49-F238E27FC236}">
              <a16:creationId xmlns:a16="http://schemas.microsoft.com/office/drawing/2014/main" id="{00000000-0008-0000-0400-000081010000}"/>
            </a:ext>
          </a:extLst>
        </xdr:cNvPr>
        <xdr:cNvSpPr txBox="1"/>
      </xdr:nvSpPr>
      <xdr:spPr>
        <a:xfrm>
          <a:off x="4914900" y="12892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47065</xdr:rowOff>
    </xdr:from>
    <xdr:to>
      <xdr:col>20</xdr:col>
      <xdr:colOff>38100</xdr:colOff>
      <xdr:row>76</xdr:row>
      <xdr:rowOff>77215</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937000" y="130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87393</xdr:rowOff>
    </xdr:from>
    <xdr:ext cx="7366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3606800" y="127746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60782</xdr:rowOff>
    </xdr:from>
    <xdr:to>
      <xdr:col>15</xdr:col>
      <xdr:colOff>149225</xdr:colOff>
      <xdr:row>76</xdr:row>
      <xdr:rowOff>90932</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30480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01109</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2717800" y="12788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35052</xdr:rowOff>
    </xdr:from>
    <xdr:to>
      <xdr:col>11</xdr:col>
      <xdr:colOff>60325</xdr:colOff>
      <xdr:row>76</xdr:row>
      <xdr:rowOff>136652</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2159000" y="13065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46829</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828800" y="12834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21337</xdr:rowOff>
    </xdr:from>
    <xdr:to>
      <xdr:col>6</xdr:col>
      <xdr:colOff>171450</xdr:colOff>
      <xdr:row>76</xdr:row>
      <xdr:rowOff>122937</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1270000" y="13051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33113</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939800" y="12820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経常収支比率について、類似団体等を上回る数値となっており、財政の弾力性は低い状態であることがわかる。</a:t>
          </a:r>
        </a:p>
        <a:p>
          <a:r>
            <a:rPr kumimoji="1" lang="ja-JP" altLang="en-US" sz="1300">
              <a:latin typeface="ＭＳ Ｐゴシック" panose="020B0600070205080204" pitchFamily="50" charset="-128"/>
              <a:ea typeface="ＭＳ Ｐゴシック" panose="020B0600070205080204" pitchFamily="50" charset="-128"/>
            </a:rPr>
            <a:t>　これらの改善を目指し、これまでの分析でも述べたように経常的経費の抑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0" name="公債費以外グラフ枠">
          <a:extLst>
            <a:ext uri="{FF2B5EF4-FFF2-40B4-BE49-F238E27FC236}">
              <a16:creationId xmlns:a16="http://schemas.microsoft.com/office/drawing/2014/main" id="{00000000-0008-0000-0400-0000A4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1</xdr:row>
      <xdr:rowOff>5842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flipV="1">
          <a:off x="16510000" y="1271143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0497</xdr:rowOff>
    </xdr:from>
    <xdr:ext cx="762000" cy="259045"/>
    <xdr:sp macro="" textlink="">
      <xdr:nvSpPr>
        <xdr:cNvPr id="422" name="公債費以外最小値テキスト">
          <a:extLst>
            <a:ext uri="{FF2B5EF4-FFF2-40B4-BE49-F238E27FC236}">
              <a16:creationId xmlns:a16="http://schemas.microsoft.com/office/drawing/2014/main" id="{00000000-0008-0000-0400-0000A6010000}"/>
            </a:ext>
          </a:extLst>
        </xdr:cNvPr>
        <xdr:cNvSpPr txBox="1"/>
      </xdr:nvSpPr>
      <xdr:spPr>
        <a:xfrm>
          <a:off x="16598900" y="13917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420</xdr:rowOff>
    </xdr:from>
    <xdr:to>
      <xdr:col>82</xdr:col>
      <xdr:colOff>196850</xdr:colOff>
      <xdr:row>81</xdr:row>
      <xdr:rowOff>5842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6421100" y="13945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507</xdr:rowOff>
    </xdr:from>
    <xdr:ext cx="762000" cy="259045"/>
    <xdr:sp macro="" textlink="">
      <xdr:nvSpPr>
        <xdr:cNvPr id="424" name="公債費以外最大値テキスト">
          <a:extLst>
            <a:ext uri="{FF2B5EF4-FFF2-40B4-BE49-F238E27FC236}">
              <a16:creationId xmlns:a16="http://schemas.microsoft.com/office/drawing/2014/main" id="{00000000-0008-0000-0400-0000A8010000}"/>
            </a:ext>
          </a:extLst>
        </xdr:cNvPr>
        <xdr:cNvSpPr txBox="1"/>
      </xdr:nvSpPr>
      <xdr:spPr>
        <a:xfrm>
          <a:off x="16598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6421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39370</xdr:rowOff>
    </xdr:from>
    <xdr:to>
      <xdr:col>82</xdr:col>
      <xdr:colOff>107950</xdr:colOff>
      <xdr:row>80</xdr:row>
      <xdr:rowOff>77470</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5671800" y="13583920"/>
          <a:ext cx="8382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96538</xdr:rowOff>
    </xdr:from>
    <xdr:ext cx="762000" cy="259045"/>
    <xdr:sp macro="" textlink="">
      <xdr:nvSpPr>
        <xdr:cNvPr id="427" name="公債費以外平均値テキスト">
          <a:extLst>
            <a:ext uri="{FF2B5EF4-FFF2-40B4-BE49-F238E27FC236}">
              <a16:creationId xmlns:a16="http://schemas.microsoft.com/office/drawing/2014/main" id="{00000000-0008-0000-0400-0000AB010000}"/>
            </a:ext>
          </a:extLst>
        </xdr:cNvPr>
        <xdr:cNvSpPr txBox="1"/>
      </xdr:nvSpPr>
      <xdr:spPr>
        <a:xfrm>
          <a:off x="16598900" y="132981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80011</xdr:rowOff>
    </xdr:from>
    <xdr:to>
      <xdr:col>82</xdr:col>
      <xdr:colOff>158750</xdr:colOff>
      <xdr:row>79</xdr:row>
      <xdr:rowOff>10161</xdr:rowOff>
    </xdr:to>
    <xdr:sp macro="" textlink="">
      <xdr:nvSpPr>
        <xdr:cNvPr id="428" name="フローチャート: 判断 427">
          <a:extLst>
            <a:ext uri="{FF2B5EF4-FFF2-40B4-BE49-F238E27FC236}">
              <a16:creationId xmlns:a16="http://schemas.microsoft.com/office/drawing/2014/main" id="{00000000-0008-0000-0400-0000AC010000}"/>
            </a:ext>
          </a:extLst>
        </xdr:cNvPr>
        <xdr:cNvSpPr/>
      </xdr:nvSpPr>
      <xdr:spPr>
        <a:xfrm>
          <a:off x="16459200" y="1345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39370</xdr:rowOff>
    </xdr:from>
    <xdr:to>
      <xdr:col>78</xdr:col>
      <xdr:colOff>69850</xdr:colOff>
      <xdr:row>80</xdr:row>
      <xdr:rowOff>46989</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flipV="1">
          <a:off x="14782800" y="13583920"/>
          <a:ext cx="889000" cy="179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21920</xdr:rowOff>
    </xdr:from>
    <xdr:to>
      <xdr:col>78</xdr:col>
      <xdr:colOff>120650</xdr:colOff>
      <xdr:row>78</xdr:row>
      <xdr:rowOff>52070</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56210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62247</xdr:rowOff>
    </xdr:from>
    <xdr:ext cx="7366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5290800" y="130924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24130</xdr:rowOff>
    </xdr:from>
    <xdr:to>
      <xdr:col>73</xdr:col>
      <xdr:colOff>180975</xdr:colOff>
      <xdr:row>80</xdr:row>
      <xdr:rowOff>46989</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3893800" y="13740130"/>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25730</xdr:rowOff>
    </xdr:from>
    <xdr:to>
      <xdr:col>74</xdr:col>
      <xdr:colOff>31750</xdr:colOff>
      <xdr:row>79</xdr:row>
      <xdr:rowOff>55880</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4732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66057</xdr:rowOff>
    </xdr:from>
    <xdr:ext cx="7620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4401800" y="13267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24130</xdr:rowOff>
    </xdr:from>
    <xdr:to>
      <xdr:col>69</xdr:col>
      <xdr:colOff>92075</xdr:colOff>
      <xdr:row>80</xdr:row>
      <xdr:rowOff>3937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3004800" y="1374013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52400</xdr:rowOff>
    </xdr:from>
    <xdr:to>
      <xdr:col>69</xdr:col>
      <xdr:colOff>142875</xdr:colOff>
      <xdr:row>79</xdr:row>
      <xdr:rowOff>8255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3843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9272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3512800" y="132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29539</xdr:rowOff>
    </xdr:from>
    <xdr:to>
      <xdr:col>65</xdr:col>
      <xdr:colOff>53975</xdr:colOff>
      <xdr:row>79</xdr:row>
      <xdr:rowOff>59689</xdr:rowOff>
    </xdr:to>
    <xdr:sp macro="" textlink="">
      <xdr:nvSpPr>
        <xdr:cNvPr id="438" name="フローチャート: 判断 437">
          <a:extLst>
            <a:ext uri="{FF2B5EF4-FFF2-40B4-BE49-F238E27FC236}">
              <a16:creationId xmlns:a16="http://schemas.microsoft.com/office/drawing/2014/main" id="{00000000-0008-0000-0400-0000B6010000}"/>
            </a:ext>
          </a:extLst>
        </xdr:cNvPr>
        <xdr:cNvSpPr/>
      </xdr:nvSpPr>
      <xdr:spPr>
        <a:xfrm>
          <a:off x="12954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69866</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2623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26670</xdr:rowOff>
    </xdr:from>
    <xdr:to>
      <xdr:col>82</xdr:col>
      <xdr:colOff>158750</xdr:colOff>
      <xdr:row>80</xdr:row>
      <xdr:rowOff>128270</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6459200" y="13742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70197</xdr:rowOff>
    </xdr:from>
    <xdr:ext cx="762000" cy="259045"/>
    <xdr:sp macro="" textlink="">
      <xdr:nvSpPr>
        <xdr:cNvPr id="446" name="公債費以外該当値テキスト">
          <a:extLst>
            <a:ext uri="{FF2B5EF4-FFF2-40B4-BE49-F238E27FC236}">
              <a16:creationId xmlns:a16="http://schemas.microsoft.com/office/drawing/2014/main" id="{00000000-0008-0000-0400-0000BE010000}"/>
            </a:ext>
          </a:extLst>
        </xdr:cNvPr>
        <xdr:cNvSpPr txBox="1"/>
      </xdr:nvSpPr>
      <xdr:spPr>
        <a:xfrm>
          <a:off x="16598900" y="13714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60020</xdr:rowOff>
    </xdr:from>
    <xdr:to>
      <xdr:col>78</xdr:col>
      <xdr:colOff>120650</xdr:colOff>
      <xdr:row>79</xdr:row>
      <xdr:rowOff>90170</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5621000" y="1353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74947</xdr:rowOff>
    </xdr:from>
    <xdr:ext cx="7366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290800" y="13619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67639</xdr:rowOff>
    </xdr:from>
    <xdr:to>
      <xdr:col>74</xdr:col>
      <xdr:colOff>31750</xdr:colOff>
      <xdr:row>80</xdr:row>
      <xdr:rowOff>97789</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4732000" y="1371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82566</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4401800" y="13798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44780</xdr:rowOff>
    </xdr:from>
    <xdr:to>
      <xdr:col>69</xdr:col>
      <xdr:colOff>142875</xdr:colOff>
      <xdr:row>80</xdr:row>
      <xdr:rowOff>74930</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3843000" y="13689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5970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512800" y="13775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60020</xdr:rowOff>
    </xdr:from>
    <xdr:to>
      <xdr:col>65</xdr:col>
      <xdr:colOff>53975</xdr:colOff>
      <xdr:row>80</xdr:row>
      <xdr:rowOff>90170</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2954000" y="13704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7494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2623800" y="13790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59100</xdr:rowOff>
    </xdr:from>
    <xdr:to>
      <xdr:col>29</xdr:col>
      <xdr:colOff>127000</xdr:colOff>
      <xdr:row>19</xdr:row>
      <xdr:rowOff>152794</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1992675"/>
          <a:ext cx="0" cy="146529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24871</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30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52794</xdr:rowOff>
    </xdr:from>
    <xdr:to>
      <xdr:col>30</xdr:col>
      <xdr:colOff>25400</xdr:colOff>
      <xdr:row>19</xdr:row>
      <xdr:rowOff>152794</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5796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5477</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73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0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59100</xdr:rowOff>
    </xdr:from>
    <xdr:to>
      <xdr:col>30</xdr:col>
      <xdr:colOff>25400</xdr:colOff>
      <xdr:row>11</xdr:row>
      <xdr:rowOff>59100</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19926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33477</xdr:rowOff>
    </xdr:from>
    <xdr:to>
      <xdr:col>29</xdr:col>
      <xdr:colOff>127000</xdr:colOff>
      <xdr:row>18</xdr:row>
      <xdr:rowOff>30509</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3095752"/>
          <a:ext cx="647700" cy="684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59542</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8503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3015</xdr:rowOff>
    </xdr:from>
    <xdr:to>
      <xdr:col>29</xdr:col>
      <xdr:colOff>177800</xdr:colOff>
      <xdr:row>17</xdr:row>
      <xdr:rowOff>14461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052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30509</xdr:rowOff>
    </xdr:from>
    <xdr:to>
      <xdr:col>26</xdr:col>
      <xdr:colOff>50800</xdr:colOff>
      <xdr:row>18</xdr:row>
      <xdr:rowOff>64881</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3164234"/>
          <a:ext cx="698500" cy="343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58968</xdr:rowOff>
    </xdr:from>
    <xdr:to>
      <xdr:col>26</xdr:col>
      <xdr:colOff>101600</xdr:colOff>
      <xdr:row>17</xdr:row>
      <xdr:rowOff>160568</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21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70745</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2790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64881</xdr:rowOff>
    </xdr:from>
    <xdr:to>
      <xdr:col>22</xdr:col>
      <xdr:colOff>114300</xdr:colOff>
      <xdr:row>18</xdr:row>
      <xdr:rowOff>81291</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3606800" y="3198606"/>
          <a:ext cx="698500" cy="164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86155</xdr:rowOff>
    </xdr:from>
    <xdr:to>
      <xdr:col>22</xdr:col>
      <xdr:colOff>165100</xdr:colOff>
      <xdr:row>18</xdr:row>
      <xdr:rowOff>16305</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26482</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2817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62448</xdr:rowOff>
    </xdr:from>
    <xdr:to>
      <xdr:col>18</xdr:col>
      <xdr:colOff>177800</xdr:colOff>
      <xdr:row>18</xdr:row>
      <xdr:rowOff>81291</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a:off x="2908300" y="3196173"/>
          <a:ext cx="698500" cy="188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2418</xdr:rowOff>
    </xdr:from>
    <xdr:to>
      <xdr:col>19</xdr:col>
      <xdr:colOff>38100</xdr:colOff>
      <xdr:row>18</xdr:row>
      <xdr:rowOff>32568</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42745</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2833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7545</xdr:rowOff>
    </xdr:from>
    <xdr:to>
      <xdr:col>15</xdr:col>
      <xdr:colOff>101600</xdr:colOff>
      <xdr:row>18</xdr:row>
      <xdr:rowOff>37695</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4787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283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2677</xdr:rowOff>
    </xdr:from>
    <xdr:to>
      <xdr:col>29</xdr:col>
      <xdr:colOff>177800</xdr:colOff>
      <xdr:row>18</xdr:row>
      <xdr:rowOff>12827</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30449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54754</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3017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51159</xdr:rowOff>
    </xdr:from>
    <xdr:to>
      <xdr:col>26</xdr:col>
      <xdr:colOff>101600</xdr:colOff>
      <xdr:row>18</xdr:row>
      <xdr:rowOff>81309</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31134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66086</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31998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4081</xdr:rowOff>
    </xdr:from>
    <xdr:to>
      <xdr:col>22</xdr:col>
      <xdr:colOff>165100</xdr:colOff>
      <xdr:row>18</xdr:row>
      <xdr:rowOff>115681</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1478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00458</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3234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30491</xdr:rowOff>
    </xdr:from>
    <xdr:to>
      <xdr:col>19</xdr:col>
      <xdr:colOff>38100</xdr:colOff>
      <xdr:row>18</xdr:row>
      <xdr:rowOff>132091</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1642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16868</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3250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1648</xdr:rowOff>
    </xdr:from>
    <xdr:to>
      <xdr:col>15</xdr:col>
      <xdr:colOff>101600</xdr:colOff>
      <xdr:row>18</xdr:row>
      <xdr:rowOff>113248</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31453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98025</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3231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20307</xdr:rowOff>
    </xdr:from>
    <xdr:to>
      <xdr:col>29</xdr:col>
      <xdr:colOff>127000</xdr:colOff>
      <xdr:row>37</xdr:row>
      <xdr:rowOff>189065</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6144857"/>
          <a:ext cx="0" cy="116890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61142</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285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9065</xdr:rowOff>
    </xdr:from>
    <xdr:to>
      <xdr:col>30</xdr:col>
      <xdr:colOff>25400</xdr:colOff>
      <xdr:row>37</xdr:row>
      <xdr:rowOff>18906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31376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5234</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88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20307</xdr:rowOff>
    </xdr:from>
    <xdr:to>
      <xdr:col>30</xdr:col>
      <xdr:colOff>25400</xdr:colOff>
      <xdr:row>33</xdr:row>
      <xdr:rowOff>220307</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61448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7520</xdr:rowOff>
    </xdr:from>
    <xdr:to>
      <xdr:col>29</xdr:col>
      <xdr:colOff>127000</xdr:colOff>
      <xdr:row>36</xdr:row>
      <xdr:rowOff>44304</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5003800" y="6970770"/>
          <a:ext cx="647700" cy="267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1621</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691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6544</xdr:rowOff>
    </xdr:from>
    <xdr:to>
      <xdr:col>29</xdr:col>
      <xdr:colOff>177800</xdr:colOff>
      <xdr:row>35</xdr:row>
      <xdr:rowOff>338144</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8468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44304</xdr:rowOff>
    </xdr:from>
    <xdr:to>
      <xdr:col>26</xdr:col>
      <xdr:colOff>50800</xdr:colOff>
      <xdr:row>36</xdr:row>
      <xdr:rowOff>69317</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4305300" y="6997554"/>
          <a:ext cx="698500" cy="2501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9670</xdr:rowOff>
    </xdr:from>
    <xdr:to>
      <xdr:col>26</xdr:col>
      <xdr:colOff>101600</xdr:colOff>
      <xdr:row>36</xdr:row>
      <xdr:rowOff>18370</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870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547</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638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35579</xdr:rowOff>
    </xdr:from>
    <xdr:to>
      <xdr:col>22</xdr:col>
      <xdr:colOff>114300</xdr:colOff>
      <xdr:row>36</xdr:row>
      <xdr:rowOff>69317</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a:off x="3606800" y="6988829"/>
          <a:ext cx="698500" cy="337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2186</xdr:rowOff>
    </xdr:from>
    <xdr:to>
      <xdr:col>22</xdr:col>
      <xdr:colOff>165100</xdr:colOff>
      <xdr:row>36</xdr:row>
      <xdr:rowOff>30886</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8825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1063</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651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7767</xdr:rowOff>
    </xdr:from>
    <xdr:to>
      <xdr:col>18</xdr:col>
      <xdr:colOff>177800</xdr:colOff>
      <xdr:row>36</xdr:row>
      <xdr:rowOff>35579</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a:off x="2908300" y="6971017"/>
          <a:ext cx="698500" cy="178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0948</xdr:rowOff>
    </xdr:from>
    <xdr:to>
      <xdr:col>19</xdr:col>
      <xdr:colOff>38100</xdr:colOff>
      <xdr:row>36</xdr:row>
      <xdr:rowOff>29648</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881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9825</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650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8129</xdr:rowOff>
    </xdr:from>
    <xdr:to>
      <xdr:col>15</xdr:col>
      <xdr:colOff>101600</xdr:colOff>
      <xdr:row>36</xdr:row>
      <xdr:rowOff>26829</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8784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7006</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647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09620</xdr:rowOff>
    </xdr:from>
    <xdr:to>
      <xdr:col>29</xdr:col>
      <xdr:colOff>177800</xdr:colOff>
      <xdr:row>36</xdr:row>
      <xdr:rowOff>68320</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69199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81697</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6892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36404</xdr:rowOff>
    </xdr:from>
    <xdr:to>
      <xdr:col>26</xdr:col>
      <xdr:colOff>101600</xdr:colOff>
      <xdr:row>36</xdr:row>
      <xdr:rowOff>95104</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69467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79881</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0331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8517</xdr:rowOff>
    </xdr:from>
    <xdr:to>
      <xdr:col>22</xdr:col>
      <xdr:colOff>165100</xdr:colOff>
      <xdr:row>36</xdr:row>
      <xdr:rowOff>120117</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69717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04894</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058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27679</xdr:rowOff>
    </xdr:from>
    <xdr:to>
      <xdr:col>19</xdr:col>
      <xdr:colOff>38100</xdr:colOff>
      <xdr:row>36</xdr:row>
      <xdr:rowOff>86379</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69380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71156</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024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09867</xdr:rowOff>
    </xdr:from>
    <xdr:to>
      <xdr:col>15</xdr:col>
      <xdr:colOff>101600</xdr:colOff>
      <xdr:row>36</xdr:row>
      <xdr:rowOff>68567</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69202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53344</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7006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925
27,676
9.08
10,129,636
9,579,851
477,972
6,141,232
6,980,4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25546</xdr:rowOff>
    </xdr:from>
    <xdr:to>
      <xdr:col>24</xdr:col>
      <xdr:colOff>62865</xdr:colOff>
      <xdr:row>38</xdr:row>
      <xdr:rowOff>164370</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097596"/>
          <a:ext cx="1270" cy="15818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8197</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68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4370</xdr:rowOff>
    </xdr:from>
    <xdr:to>
      <xdr:col>24</xdr:col>
      <xdr:colOff>152400</xdr:colOff>
      <xdr:row>38</xdr:row>
      <xdr:rowOff>16437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7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72223</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8728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125546</xdr:rowOff>
    </xdr:from>
    <xdr:to>
      <xdr:col>24</xdr:col>
      <xdr:colOff>152400</xdr:colOff>
      <xdr:row>29</xdr:row>
      <xdr:rowOff>12554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097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36042</xdr:rowOff>
    </xdr:from>
    <xdr:to>
      <xdr:col>24</xdr:col>
      <xdr:colOff>63500</xdr:colOff>
      <xdr:row>36</xdr:row>
      <xdr:rowOff>4180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136792"/>
          <a:ext cx="838200" cy="77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71092</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718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1215</xdr:rowOff>
    </xdr:from>
    <xdr:to>
      <xdr:col>24</xdr:col>
      <xdr:colOff>114300</xdr:colOff>
      <xdr:row>36</xdr:row>
      <xdr:rowOff>122815</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193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41802</xdr:rowOff>
    </xdr:from>
    <xdr:to>
      <xdr:col>19</xdr:col>
      <xdr:colOff>177800</xdr:colOff>
      <xdr:row>36</xdr:row>
      <xdr:rowOff>63367</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214002"/>
          <a:ext cx="889000" cy="21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0321</xdr:rowOff>
    </xdr:from>
    <xdr:to>
      <xdr:col>20</xdr:col>
      <xdr:colOff>38100</xdr:colOff>
      <xdr:row>36</xdr:row>
      <xdr:rowOff>131921</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02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3048</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295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63367</xdr:rowOff>
    </xdr:from>
    <xdr:to>
      <xdr:col>15</xdr:col>
      <xdr:colOff>50800</xdr:colOff>
      <xdr:row>37</xdr:row>
      <xdr:rowOff>9798</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235567"/>
          <a:ext cx="889000" cy="117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6877</xdr:rowOff>
    </xdr:from>
    <xdr:to>
      <xdr:col>15</xdr:col>
      <xdr:colOff>101600</xdr:colOff>
      <xdr:row>36</xdr:row>
      <xdr:rowOff>158477</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9604</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32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54559</xdr:rowOff>
    </xdr:from>
    <xdr:to>
      <xdr:col>10</xdr:col>
      <xdr:colOff>114300</xdr:colOff>
      <xdr:row>37</xdr:row>
      <xdr:rowOff>9798</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6326759"/>
          <a:ext cx="889000" cy="26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653</xdr:rowOff>
    </xdr:from>
    <xdr:to>
      <xdr:col>10</xdr:col>
      <xdr:colOff>165100</xdr:colOff>
      <xdr:row>37</xdr:row>
      <xdr:rowOff>117253</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08380</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22435</xdr:rowOff>
    </xdr:from>
    <xdr:to>
      <xdr:col>6</xdr:col>
      <xdr:colOff>38100</xdr:colOff>
      <xdr:row>37</xdr:row>
      <xdr:rowOff>12403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5162</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5242</xdr:rowOff>
    </xdr:from>
    <xdr:to>
      <xdr:col>24</xdr:col>
      <xdr:colOff>114300</xdr:colOff>
      <xdr:row>36</xdr:row>
      <xdr:rowOff>15392</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085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08119</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937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62452</xdr:rowOff>
    </xdr:from>
    <xdr:to>
      <xdr:col>20</xdr:col>
      <xdr:colOff>38100</xdr:colOff>
      <xdr:row>36</xdr:row>
      <xdr:rowOff>92602</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163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09129</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938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567</xdr:rowOff>
    </xdr:from>
    <xdr:to>
      <xdr:col>15</xdr:col>
      <xdr:colOff>101600</xdr:colOff>
      <xdr:row>36</xdr:row>
      <xdr:rowOff>114167</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184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30694</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959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30448</xdr:rowOff>
    </xdr:from>
    <xdr:to>
      <xdr:col>10</xdr:col>
      <xdr:colOff>165100</xdr:colOff>
      <xdr:row>37</xdr:row>
      <xdr:rowOff>60598</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302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77125</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077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03759</xdr:rowOff>
    </xdr:from>
    <xdr:to>
      <xdr:col>6</xdr:col>
      <xdr:colOff>38100</xdr:colOff>
      <xdr:row>37</xdr:row>
      <xdr:rowOff>33909</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275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50436</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051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8926</xdr:rowOff>
    </xdr:from>
    <xdr:to>
      <xdr:col>24</xdr:col>
      <xdr:colOff>62865</xdr:colOff>
      <xdr:row>59</xdr:row>
      <xdr:rowOff>83533</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842876"/>
          <a:ext cx="1270" cy="1356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87360</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202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3533</xdr:rowOff>
    </xdr:from>
    <xdr:to>
      <xdr:col>24</xdr:col>
      <xdr:colOff>152400</xdr:colOff>
      <xdr:row>59</xdr:row>
      <xdr:rowOff>8353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199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45603</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6181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98926</xdr:rowOff>
    </xdr:from>
    <xdr:to>
      <xdr:col>24</xdr:col>
      <xdr:colOff>152400</xdr:colOff>
      <xdr:row>51</xdr:row>
      <xdr:rowOff>9892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842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98049</xdr:rowOff>
    </xdr:from>
    <xdr:to>
      <xdr:col>24</xdr:col>
      <xdr:colOff>63500</xdr:colOff>
      <xdr:row>58</xdr:row>
      <xdr:rowOff>134938</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10042149"/>
          <a:ext cx="838200" cy="36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331</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7789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4904</xdr:rowOff>
    </xdr:from>
    <xdr:to>
      <xdr:col>24</xdr:col>
      <xdr:colOff>114300</xdr:colOff>
      <xdr:row>58</xdr:row>
      <xdr:rowOff>85054</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92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34938</xdr:rowOff>
    </xdr:from>
    <xdr:to>
      <xdr:col>19</xdr:col>
      <xdr:colOff>177800</xdr:colOff>
      <xdr:row>59</xdr:row>
      <xdr:rowOff>7265</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10079038"/>
          <a:ext cx="889000" cy="43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9710</xdr:rowOff>
    </xdr:from>
    <xdr:to>
      <xdr:col>20</xdr:col>
      <xdr:colOff>38100</xdr:colOff>
      <xdr:row>58</xdr:row>
      <xdr:rowOff>121310</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6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7837</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739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7265</xdr:rowOff>
    </xdr:from>
    <xdr:to>
      <xdr:col>15</xdr:col>
      <xdr:colOff>50800</xdr:colOff>
      <xdr:row>59</xdr:row>
      <xdr:rowOff>58669</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10122815"/>
          <a:ext cx="889000" cy="51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2519</xdr:rowOff>
    </xdr:from>
    <xdr:to>
      <xdr:col>15</xdr:col>
      <xdr:colOff>101600</xdr:colOff>
      <xdr:row>58</xdr:row>
      <xdr:rowOff>164119</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10006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9196</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781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58669</xdr:rowOff>
    </xdr:from>
    <xdr:to>
      <xdr:col>10</xdr:col>
      <xdr:colOff>114300</xdr:colOff>
      <xdr:row>59</xdr:row>
      <xdr:rowOff>74061</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10174219"/>
          <a:ext cx="889000" cy="15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81295</xdr:rowOff>
    </xdr:from>
    <xdr:to>
      <xdr:col>10</xdr:col>
      <xdr:colOff>165100</xdr:colOff>
      <xdr:row>59</xdr:row>
      <xdr:rowOff>11445</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10025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7972</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800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8460</xdr:rowOff>
    </xdr:from>
    <xdr:to>
      <xdr:col>6</xdr:col>
      <xdr:colOff>38100</xdr:colOff>
      <xdr:row>59</xdr:row>
      <xdr:rowOff>8610</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1002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5137</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79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47249</xdr:rowOff>
    </xdr:from>
    <xdr:to>
      <xdr:col>24</xdr:col>
      <xdr:colOff>114300</xdr:colOff>
      <xdr:row>58</xdr:row>
      <xdr:rowOff>148849</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991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25676</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969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84138</xdr:rowOff>
    </xdr:from>
    <xdr:to>
      <xdr:col>20</xdr:col>
      <xdr:colOff>38100</xdr:colOff>
      <xdr:row>59</xdr:row>
      <xdr:rowOff>14288</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10028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5415</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10120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27915</xdr:rowOff>
    </xdr:from>
    <xdr:to>
      <xdr:col>15</xdr:col>
      <xdr:colOff>101600</xdr:colOff>
      <xdr:row>59</xdr:row>
      <xdr:rowOff>58065</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10072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49192</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10164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7869</xdr:rowOff>
    </xdr:from>
    <xdr:to>
      <xdr:col>10</xdr:col>
      <xdr:colOff>165100</xdr:colOff>
      <xdr:row>59</xdr:row>
      <xdr:rowOff>109469</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10123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00596</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10216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23261</xdr:rowOff>
    </xdr:from>
    <xdr:to>
      <xdr:col>6</xdr:col>
      <xdr:colOff>38100</xdr:colOff>
      <xdr:row>59</xdr:row>
      <xdr:rowOff>124861</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10138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15988</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10231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7752</xdr:rowOff>
    </xdr:from>
    <xdr:to>
      <xdr:col>24</xdr:col>
      <xdr:colOff>62865</xdr:colOff>
      <xdr:row>78</xdr:row>
      <xdr:rowOff>120909</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352152"/>
          <a:ext cx="1270" cy="1141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4736</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4978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0909</xdr:rowOff>
    </xdr:from>
    <xdr:to>
      <xdr:col>24</xdr:col>
      <xdr:colOff>152400</xdr:colOff>
      <xdr:row>78</xdr:row>
      <xdr:rowOff>120909</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494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25879</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127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7752</xdr:rowOff>
    </xdr:from>
    <xdr:to>
      <xdr:col>24</xdr:col>
      <xdr:colOff>152400</xdr:colOff>
      <xdr:row>72</xdr:row>
      <xdr:rowOff>7752</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352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35779</xdr:rowOff>
    </xdr:from>
    <xdr:to>
      <xdr:col>24</xdr:col>
      <xdr:colOff>63500</xdr:colOff>
      <xdr:row>77</xdr:row>
      <xdr:rowOff>93568</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3797300" y="13237429"/>
          <a:ext cx="838200" cy="57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4711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2487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8692</xdr:rowOff>
    </xdr:from>
    <xdr:to>
      <xdr:col>24</xdr:col>
      <xdr:colOff>114300</xdr:colOff>
      <xdr:row>77</xdr:row>
      <xdr:rowOff>17029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70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35779</xdr:rowOff>
    </xdr:from>
    <xdr:to>
      <xdr:col>19</xdr:col>
      <xdr:colOff>177800</xdr:colOff>
      <xdr:row>77</xdr:row>
      <xdr:rowOff>162652</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flipV="1">
          <a:off x="2908300" y="13237429"/>
          <a:ext cx="889000" cy="126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3492</xdr:rowOff>
    </xdr:from>
    <xdr:to>
      <xdr:col>20</xdr:col>
      <xdr:colOff>38100</xdr:colOff>
      <xdr:row>78</xdr:row>
      <xdr:rowOff>3642</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75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66219</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367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62652</xdr:rowOff>
    </xdr:from>
    <xdr:to>
      <xdr:col>15</xdr:col>
      <xdr:colOff>50800</xdr:colOff>
      <xdr:row>77</xdr:row>
      <xdr:rowOff>165120</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2019300" y="13364302"/>
          <a:ext cx="889000" cy="2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4819</xdr:rowOff>
    </xdr:from>
    <xdr:to>
      <xdr:col>15</xdr:col>
      <xdr:colOff>101600</xdr:colOff>
      <xdr:row>78</xdr:row>
      <xdr:rowOff>4969</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76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21496</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051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5120</xdr:rowOff>
    </xdr:from>
    <xdr:to>
      <xdr:col>10</xdr:col>
      <xdr:colOff>114300</xdr:colOff>
      <xdr:row>78</xdr:row>
      <xdr:rowOff>14153</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1130300" y="13366770"/>
          <a:ext cx="889000" cy="204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5438</xdr:rowOff>
    </xdr:from>
    <xdr:to>
      <xdr:col>10</xdr:col>
      <xdr:colOff>165100</xdr:colOff>
      <xdr:row>78</xdr:row>
      <xdr:rowOff>25588</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97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42115</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72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0226</xdr:rowOff>
    </xdr:from>
    <xdr:to>
      <xdr:col>6</xdr:col>
      <xdr:colOff>38100</xdr:colOff>
      <xdr:row>78</xdr:row>
      <xdr:rowOff>20376</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91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6903</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6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42768</xdr:rowOff>
    </xdr:from>
    <xdr:to>
      <xdr:col>24</xdr:col>
      <xdr:colOff>114300</xdr:colOff>
      <xdr:row>77</xdr:row>
      <xdr:rowOff>144368</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244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65645</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095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56429</xdr:rowOff>
    </xdr:from>
    <xdr:to>
      <xdr:col>20</xdr:col>
      <xdr:colOff>38100</xdr:colOff>
      <xdr:row>77</xdr:row>
      <xdr:rowOff>86579</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186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03105</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2961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11852</xdr:rowOff>
    </xdr:from>
    <xdr:to>
      <xdr:col>15</xdr:col>
      <xdr:colOff>101600</xdr:colOff>
      <xdr:row>78</xdr:row>
      <xdr:rowOff>42002</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13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33129</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406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14320</xdr:rowOff>
    </xdr:from>
    <xdr:to>
      <xdr:col>10</xdr:col>
      <xdr:colOff>165100</xdr:colOff>
      <xdr:row>78</xdr:row>
      <xdr:rowOff>44470</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15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35597</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08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4803</xdr:rowOff>
    </xdr:from>
    <xdr:to>
      <xdr:col>6</xdr:col>
      <xdr:colOff>38100</xdr:colOff>
      <xdr:row>78</xdr:row>
      <xdr:rowOff>64953</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36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56080</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29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3379</xdr:rowOff>
    </xdr:from>
    <xdr:to>
      <xdr:col>24</xdr:col>
      <xdr:colOff>62865</xdr:colOff>
      <xdr:row>98</xdr:row>
      <xdr:rowOff>61584</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635329"/>
          <a:ext cx="1270" cy="1228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65411</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86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1584</xdr:rowOff>
    </xdr:from>
    <xdr:to>
      <xdr:col>24</xdr:col>
      <xdr:colOff>152400</xdr:colOff>
      <xdr:row>98</xdr:row>
      <xdr:rowOff>61584</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86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1506</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4105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33379</xdr:rowOff>
    </xdr:from>
    <xdr:to>
      <xdr:col>24</xdr:col>
      <xdr:colOff>152400</xdr:colOff>
      <xdr:row>91</xdr:row>
      <xdr:rowOff>33379</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635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12638</xdr:rowOff>
    </xdr:from>
    <xdr:to>
      <xdr:col>24</xdr:col>
      <xdr:colOff>63500</xdr:colOff>
      <xdr:row>97</xdr:row>
      <xdr:rowOff>42185</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571838"/>
          <a:ext cx="838200" cy="100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7601</xdr:rowOff>
    </xdr:from>
    <xdr:ext cx="534377"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233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4724</xdr:rowOff>
    </xdr:from>
    <xdr:to>
      <xdr:col>24</xdr:col>
      <xdr:colOff>114300</xdr:colOff>
      <xdr:row>96</xdr:row>
      <xdr:rowOff>24874</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38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12638</xdr:rowOff>
    </xdr:from>
    <xdr:to>
      <xdr:col>19</xdr:col>
      <xdr:colOff>177800</xdr:colOff>
      <xdr:row>98</xdr:row>
      <xdr:rowOff>17573</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571838"/>
          <a:ext cx="889000" cy="247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34217</xdr:rowOff>
    </xdr:from>
    <xdr:to>
      <xdr:col>20</xdr:col>
      <xdr:colOff>38100</xdr:colOff>
      <xdr:row>95</xdr:row>
      <xdr:rowOff>64367</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25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80894</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0257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7573</xdr:rowOff>
    </xdr:from>
    <xdr:to>
      <xdr:col>15</xdr:col>
      <xdr:colOff>50800</xdr:colOff>
      <xdr:row>98</xdr:row>
      <xdr:rowOff>20044</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819673"/>
          <a:ext cx="889000" cy="2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2872</xdr:rowOff>
    </xdr:from>
    <xdr:to>
      <xdr:col>15</xdr:col>
      <xdr:colOff>101600</xdr:colOff>
      <xdr:row>96</xdr:row>
      <xdr:rowOff>164472</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2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549</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1111" y="16297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0044</xdr:rowOff>
    </xdr:from>
    <xdr:to>
      <xdr:col>10</xdr:col>
      <xdr:colOff>114300</xdr:colOff>
      <xdr:row>98</xdr:row>
      <xdr:rowOff>63619</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822144"/>
          <a:ext cx="889000" cy="43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0280</xdr:rowOff>
    </xdr:from>
    <xdr:to>
      <xdr:col>10</xdr:col>
      <xdr:colOff>165100</xdr:colOff>
      <xdr:row>97</xdr:row>
      <xdr:rowOff>4043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56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6957</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2111" y="16344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9468</xdr:rowOff>
    </xdr:from>
    <xdr:to>
      <xdr:col>6</xdr:col>
      <xdr:colOff>38100</xdr:colOff>
      <xdr:row>97</xdr:row>
      <xdr:rowOff>79618</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08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6145</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383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62835</xdr:rowOff>
    </xdr:from>
    <xdr:to>
      <xdr:col>24</xdr:col>
      <xdr:colOff>114300</xdr:colOff>
      <xdr:row>97</xdr:row>
      <xdr:rowOff>92985</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622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41262</xdr:rowOff>
    </xdr:from>
    <xdr:ext cx="534377"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600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61838</xdr:rowOff>
    </xdr:from>
    <xdr:to>
      <xdr:col>20</xdr:col>
      <xdr:colOff>38100</xdr:colOff>
      <xdr:row>96</xdr:row>
      <xdr:rowOff>163438</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521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54565</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530111" y="16613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38223</xdr:rowOff>
    </xdr:from>
    <xdr:to>
      <xdr:col>15</xdr:col>
      <xdr:colOff>101600</xdr:colOff>
      <xdr:row>98</xdr:row>
      <xdr:rowOff>68373</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768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59500</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1111" y="16861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0694</xdr:rowOff>
    </xdr:from>
    <xdr:to>
      <xdr:col>10</xdr:col>
      <xdr:colOff>165100</xdr:colOff>
      <xdr:row>98</xdr:row>
      <xdr:rowOff>70844</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771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1971</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6864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2819</xdr:rowOff>
    </xdr:from>
    <xdr:to>
      <xdr:col>6</xdr:col>
      <xdr:colOff>38100</xdr:colOff>
      <xdr:row>98</xdr:row>
      <xdr:rowOff>114419</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814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5546</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6907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38093</xdr:rowOff>
    </xdr:from>
    <xdr:to>
      <xdr:col>54</xdr:col>
      <xdr:colOff>189865</xdr:colOff>
      <xdr:row>38</xdr:row>
      <xdr:rowOff>21372</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flipV="1">
          <a:off x="10475595" y="5181593"/>
          <a:ext cx="1270" cy="13548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25199</xdr:rowOff>
    </xdr:from>
    <xdr:ext cx="534377" cy="259045"/>
    <xdr:sp macro="" textlink="">
      <xdr:nvSpPr>
        <xdr:cNvPr id="289" name="補助費等最小値テキスト">
          <a:extLst>
            <a:ext uri="{FF2B5EF4-FFF2-40B4-BE49-F238E27FC236}">
              <a16:creationId xmlns:a16="http://schemas.microsoft.com/office/drawing/2014/main" id="{00000000-0008-0000-0600-000021010000}"/>
            </a:ext>
          </a:extLst>
        </xdr:cNvPr>
        <xdr:cNvSpPr txBox="1"/>
      </xdr:nvSpPr>
      <xdr:spPr>
        <a:xfrm>
          <a:off x="10528300" y="6540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21372</xdr:rowOff>
    </xdr:from>
    <xdr:to>
      <xdr:col>55</xdr:col>
      <xdr:colOff>88900</xdr:colOff>
      <xdr:row>38</xdr:row>
      <xdr:rowOff>21372</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6536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56220</xdr:rowOff>
    </xdr:from>
    <xdr:ext cx="599010" cy="259045"/>
    <xdr:sp macro="" textlink="">
      <xdr:nvSpPr>
        <xdr:cNvPr id="291" name="補助費等最大値テキスト">
          <a:extLst>
            <a:ext uri="{FF2B5EF4-FFF2-40B4-BE49-F238E27FC236}">
              <a16:creationId xmlns:a16="http://schemas.microsoft.com/office/drawing/2014/main" id="{00000000-0008-0000-0600-000023010000}"/>
            </a:ext>
          </a:extLst>
        </xdr:cNvPr>
        <xdr:cNvSpPr txBox="1"/>
      </xdr:nvSpPr>
      <xdr:spPr>
        <a:xfrm>
          <a:off x="10528300" y="4956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38093</xdr:rowOff>
    </xdr:from>
    <xdr:to>
      <xdr:col>55</xdr:col>
      <xdr:colOff>88900</xdr:colOff>
      <xdr:row>30</xdr:row>
      <xdr:rowOff>38093</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5181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36238</xdr:rowOff>
    </xdr:from>
    <xdr:to>
      <xdr:col>55</xdr:col>
      <xdr:colOff>0</xdr:colOff>
      <xdr:row>38</xdr:row>
      <xdr:rowOff>26706</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flipV="1">
          <a:off x="9639300" y="6479888"/>
          <a:ext cx="838200" cy="61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21302</xdr:rowOff>
    </xdr:from>
    <xdr:ext cx="534377" cy="259045"/>
    <xdr:sp macro="" textlink="">
      <xdr:nvSpPr>
        <xdr:cNvPr id="294" name="補助費等平均値テキスト">
          <a:extLst>
            <a:ext uri="{FF2B5EF4-FFF2-40B4-BE49-F238E27FC236}">
              <a16:creationId xmlns:a16="http://schemas.microsoft.com/office/drawing/2014/main" id="{00000000-0008-0000-0600-000026010000}"/>
            </a:ext>
          </a:extLst>
        </xdr:cNvPr>
        <xdr:cNvSpPr txBox="1"/>
      </xdr:nvSpPr>
      <xdr:spPr>
        <a:xfrm>
          <a:off x="10528300" y="59506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98425</xdr:rowOff>
    </xdr:from>
    <xdr:to>
      <xdr:col>55</xdr:col>
      <xdr:colOff>50800</xdr:colOff>
      <xdr:row>36</xdr:row>
      <xdr:rowOff>28575</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10426700" y="6099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08687</xdr:rowOff>
    </xdr:from>
    <xdr:to>
      <xdr:col>50</xdr:col>
      <xdr:colOff>114300</xdr:colOff>
      <xdr:row>38</xdr:row>
      <xdr:rowOff>26706</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8750300" y="5423637"/>
          <a:ext cx="889000" cy="1118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40564</xdr:rowOff>
    </xdr:from>
    <xdr:to>
      <xdr:col>50</xdr:col>
      <xdr:colOff>165100</xdr:colOff>
      <xdr:row>36</xdr:row>
      <xdr:rowOff>70714</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9588500" y="614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87241</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9372111" y="5916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08687</xdr:rowOff>
    </xdr:from>
    <xdr:to>
      <xdr:col>45</xdr:col>
      <xdr:colOff>177800</xdr:colOff>
      <xdr:row>38</xdr:row>
      <xdr:rowOff>107598</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7861300" y="5423637"/>
          <a:ext cx="889000" cy="1199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29</xdr:row>
      <xdr:rowOff>82771</xdr:rowOff>
    </xdr:from>
    <xdr:to>
      <xdr:col>46</xdr:col>
      <xdr:colOff>38100</xdr:colOff>
      <xdr:row>30</xdr:row>
      <xdr:rowOff>12921</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8699500" y="5054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29448</xdr:rowOff>
    </xdr:from>
    <xdr:ext cx="59901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450795" y="48300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97202</xdr:rowOff>
    </xdr:from>
    <xdr:to>
      <xdr:col>41</xdr:col>
      <xdr:colOff>50800</xdr:colOff>
      <xdr:row>38</xdr:row>
      <xdr:rowOff>107598</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a:off x="6972300" y="6612302"/>
          <a:ext cx="889000" cy="10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66856</xdr:rowOff>
    </xdr:from>
    <xdr:to>
      <xdr:col>41</xdr:col>
      <xdr:colOff>101600</xdr:colOff>
      <xdr:row>36</xdr:row>
      <xdr:rowOff>168456</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7810500" y="6239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3533</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7594111" y="6014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72713</xdr:rowOff>
    </xdr:from>
    <xdr:to>
      <xdr:col>36</xdr:col>
      <xdr:colOff>165100</xdr:colOff>
      <xdr:row>37</xdr:row>
      <xdr:rowOff>2863</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69215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9390</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05111" y="6020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5438</xdr:rowOff>
    </xdr:from>
    <xdr:to>
      <xdr:col>55</xdr:col>
      <xdr:colOff>50800</xdr:colOff>
      <xdr:row>38</xdr:row>
      <xdr:rowOff>15588</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10426700" y="642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365</xdr:rowOff>
    </xdr:from>
    <xdr:ext cx="534377" cy="259045"/>
    <xdr:sp macro="" textlink="">
      <xdr:nvSpPr>
        <xdr:cNvPr id="313" name="補助費等該当値テキスト">
          <a:extLst>
            <a:ext uri="{FF2B5EF4-FFF2-40B4-BE49-F238E27FC236}">
              <a16:creationId xmlns:a16="http://schemas.microsoft.com/office/drawing/2014/main" id="{00000000-0008-0000-0600-000039010000}"/>
            </a:ext>
          </a:extLst>
        </xdr:cNvPr>
        <xdr:cNvSpPr txBox="1"/>
      </xdr:nvSpPr>
      <xdr:spPr>
        <a:xfrm>
          <a:off x="10528300" y="6344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47356</xdr:rowOff>
    </xdr:from>
    <xdr:to>
      <xdr:col>50</xdr:col>
      <xdr:colOff>165100</xdr:colOff>
      <xdr:row>38</xdr:row>
      <xdr:rowOff>77506</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9588500" y="6491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68633</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9372111" y="6583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57887</xdr:rowOff>
    </xdr:from>
    <xdr:to>
      <xdr:col>46</xdr:col>
      <xdr:colOff>38100</xdr:colOff>
      <xdr:row>31</xdr:row>
      <xdr:rowOff>159487</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8699500" y="5372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50614</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8450795" y="54655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56798</xdr:rowOff>
    </xdr:from>
    <xdr:to>
      <xdr:col>41</xdr:col>
      <xdr:colOff>101600</xdr:colOff>
      <xdr:row>38</xdr:row>
      <xdr:rowOff>158398</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7810500" y="6571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49525</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7594111" y="6664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46402</xdr:rowOff>
    </xdr:from>
    <xdr:to>
      <xdr:col>36</xdr:col>
      <xdr:colOff>165100</xdr:colOff>
      <xdr:row>38</xdr:row>
      <xdr:rowOff>148002</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6921500" y="6561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39129</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6705111" y="6654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a:extLst>
            <a:ext uri="{FF2B5EF4-FFF2-40B4-BE49-F238E27FC236}">
              <a16:creationId xmlns:a16="http://schemas.microsoft.com/office/drawing/2014/main" id="{00000000-0008-0000-06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3000</xdr:rowOff>
    </xdr:from>
    <xdr:to>
      <xdr:col>54</xdr:col>
      <xdr:colOff>189865</xdr:colOff>
      <xdr:row>58</xdr:row>
      <xdr:rowOff>148082</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flipV="1">
          <a:off x="10475595" y="8886950"/>
          <a:ext cx="1270" cy="12052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51909</xdr:rowOff>
    </xdr:from>
    <xdr:ext cx="469744" cy="259045"/>
    <xdr:sp macro="" textlink="">
      <xdr:nvSpPr>
        <xdr:cNvPr id="346" name="普通建設事業費最小値テキスト">
          <a:extLst>
            <a:ext uri="{FF2B5EF4-FFF2-40B4-BE49-F238E27FC236}">
              <a16:creationId xmlns:a16="http://schemas.microsoft.com/office/drawing/2014/main" id="{00000000-0008-0000-0600-00005A010000}"/>
            </a:ext>
          </a:extLst>
        </xdr:cNvPr>
        <xdr:cNvSpPr txBox="1"/>
      </xdr:nvSpPr>
      <xdr:spPr>
        <a:xfrm>
          <a:off x="10528300" y="10096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48082</xdr:rowOff>
    </xdr:from>
    <xdr:to>
      <xdr:col>55</xdr:col>
      <xdr:colOff>88900</xdr:colOff>
      <xdr:row>58</xdr:row>
      <xdr:rowOff>148082</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10092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9677</xdr:rowOff>
    </xdr:from>
    <xdr:ext cx="599010" cy="259045"/>
    <xdr:sp macro="" textlink="">
      <xdr:nvSpPr>
        <xdr:cNvPr id="348" name="普通建設事業費最大値テキスト">
          <a:extLst>
            <a:ext uri="{FF2B5EF4-FFF2-40B4-BE49-F238E27FC236}">
              <a16:creationId xmlns:a16="http://schemas.microsoft.com/office/drawing/2014/main" id="{00000000-0008-0000-0600-00005C010000}"/>
            </a:ext>
          </a:extLst>
        </xdr:cNvPr>
        <xdr:cNvSpPr txBox="1"/>
      </xdr:nvSpPr>
      <xdr:spPr>
        <a:xfrm>
          <a:off x="10528300" y="8662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43000</xdr:rowOff>
    </xdr:from>
    <xdr:to>
      <xdr:col>55</xdr:col>
      <xdr:colOff>88900</xdr:colOff>
      <xdr:row>51</xdr:row>
      <xdr:rowOff>143000</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8886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6309</xdr:rowOff>
    </xdr:from>
    <xdr:to>
      <xdr:col>55</xdr:col>
      <xdr:colOff>0</xdr:colOff>
      <xdr:row>58</xdr:row>
      <xdr:rowOff>134259</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flipV="1">
          <a:off x="9639300" y="10020409"/>
          <a:ext cx="838200" cy="57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8544</xdr:rowOff>
    </xdr:from>
    <xdr:ext cx="534377" cy="259045"/>
    <xdr:sp macro="" textlink="">
      <xdr:nvSpPr>
        <xdr:cNvPr id="351" name="普通建設事業費平均値テキスト">
          <a:extLst>
            <a:ext uri="{FF2B5EF4-FFF2-40B4-BE49-F238E27FC236}">
              <a16:creationId xmlns:a16="http://schemas.microsoft.com/office/drawing/2014/main" id="{00000000-0008-0000-0600-00005F010000}"/>
            </a:ext>
          </a:extLst>
        </xdr:cNvPr>
        <xdr:cNvSpPr txBox="1"/>
      </xdr:nvSpPr>
      <xdr:spPr>
        <a:xfrm>
          <a:off x="10528300" y="96297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667</xdr:rowOff>
    </xdr:from>
    <xdr:to>
      <xdr:col>55</xdr:col>
      <xdr:colOff>50800</xdr:colOff>
      <xdr:row>57</xdr:row>
      <xdr:rowOff>107267</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10426700" y="9778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95459</xdr:rowOff>
    </xdr:from>
    <xdr:to>
      <xdr:col>50</xdr:col>
      <xdr:colOff>114300</xdr:colOff>
      <xdr:row>58</xdr:row>
      <xdr:rowOff>134259</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8750300" y="10039559"/>
          <a:ext cx="889000" cy="38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8634</xdr:rowOff>
    </xdr:from>
    <xdr:to>
      <xdr:col>50</xdr:col>
      <xdr:colOff>165100</xdr:colOff>
      <xdr:row>57</xdr:row>
      <xdr:rowOff>78784</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9588500" y="974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95311</xdr:rowOff>
    </xdr:from>
    <xdr:ext cx="534377"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372111" y="9525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9555</xdr:rowOff>
    </xdr:from>
    <xdr:to>
      <xdr:col>45</xdr:col>
      <xdr:colOff>177800</xdr:colOff>
      <xdr:row>58</xdr:row>
      <xdr:rowOff>95459</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a:off x="7861300" y="9792205"/>
          <a:ext cx="889000" cy="247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1242</xdr:rowOff>
    </xdr:from>
    <xdr:to>
      <xdr:col>46</xdr:col>
      <xdr:colOff>38100</xdr:colOff>
      <xdr:row>57</xdr:row>
      <xdr:rowOff>41392</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8699500" y="971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57919</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8483111" y="9487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9555</xdr:rowOff>
    </xdr:from>
    <xdr:to>
      <xdr:col>41</xdr:col>
      <xdr:colOff>50800</xdr:colOff>
      <xdr:row>58</xdr:row>
      <xdr:rowOff>127630</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flipV="1">
          <a:off x="6972300" y="9792205"/>
          <a:ext cx="889000" cy="27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7368</xdr:rowOff>
    </xdr:from>
    <xdr:to>
      <xdr:col>41</xdr:col>
      <xdr:colOff>101600</xdr:colOff>
      <xdr:row>57</xdr:row>
      <xdr:rowOff>47518</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7810500" y="971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64045</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7594111" y="9493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6911</xdr:rowOff>
    </xdr:from>
    <xdr:to>
      <xdr:col>36</xdr:col>
      <xdr:colOff>165100</xdr:colOff>
      <xdr:row>57</xdr:row>
      <xdr:rowOff>77061</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6921500" y="974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93588</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05111" y="9523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5509</xdr:rowOff>
    </xdr:from>
    <xdr:to>
      <xdr:col>55</xdr:col>
      <xdr:colOff>50800</xdr:colOff>
      <xdr:row>58</xdr:row>
      <xdr:rowOff>127109</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10426700" y="9969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1886</xdr:rowOff>
    </xdr:from>
    <xdr:ext cx="534377" cy="259045"/>
    <xdr:sp macro="" textlink="">
      <xdr:nvSpPr>
        <xdr:cNvPr id="370" name="普通建設事業費該当値テキスト">
          <a:extLst>
            <a:ext uri="{FF2B5EF4-FFF2-40B4-BE49-F238E27FC236}">
              <a16:creationId xmlns:a16="http://schemas.microsoft.com/office/drawing/2014/main" id="{00000000-0008-0000-0600-000072010000}"/>
            </a:ext>
          </a:extLst>
        </xdr:cNvPr>
        <xdr:cNvSpPr txBox="1"/>
      </xdr:nvSpPr>
      <xdr:spPr>
        <a:xfrm>
          <a:off x="10528300" y="9884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83459</xdr:rowOff>
    </xdr:from>
    <xdr:to>
      <xdr:col>50</xdr:col>
      <xdr:colOff>165100</xdr:colOff>
      <xdr:row>59</xdr:row>
      <xdr:rowOff>13609</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9588500" y="10027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4736</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9372111" y="10120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44659</xdr:rowOff>
    </xdr:from>
    <xdr:to>
      <xdr:col>46</xdr:col>
      <xdr:colOff>38100</xdr:colOff>
      <xdr:row>58</xdr:row>
      <xdr:rowOff>146259</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8699500" y="9988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37386</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8483111" y="10081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40205</xdr:rowOff>
    </xdr:from>
    <xdr:to>
      <xdr:col>41</xdr:col>
      <xdr:colOff>101600</xdr:colOff>
      <xdr:row>57</xdr:row>
      <xdr:rowOff>70355</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7810500" y="9741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61482</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7594111" y="9834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6830</xdr:rowOff>
    </xdr:from>
    <xdr:to>
      <xdr:col>36</xdr:col>
      <xdr:colOff>165100</xdr:colOff>
      <xdr:row>59</xdr:row>
      <xdr:rowOff>6980</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6921500" y="1002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69557</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6705111" y="10113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26918</xdr:rowOff>
    </xdr:from>
    <xdr:to>
      <xdr:col>54</xdr:col>
      <xdr:colOff>189865</xdr:colOff>
      <xdr:row>79</xdr:row>
      <xdr:rowOff>4445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1956968"/>
          <a:ext cx="1270" cy="1632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73595</xdr:rowOff>
    </xdr:from>
    <xdr:ext cx="534377"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1732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9</xdr:row>
      <xdr:rowOff>126918</xdr:rowOff>
    </xdr:from>
    <xdr:to>
      <xdr:col>55</xdr:col>
      <xdr:colOff>88900</xdr:colOff>
      <xdr:row>69</xdr:row>
      <xdr:rowOff>126918</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1956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7306</xdr:rowOff>
    </xdr:from>
    <xdr:to>
      <xdr:col>55</xdr:col>
      <xdr:colOff>0</xdr:colOff>
      <xdr:row>79</xdr:row>
      <xdr:rowOff>42393</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9639300" y="13581856"/>
          <a:ext cx="838200" cy="5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5498</xdr:rowOff>
    </xdr:from>
    <xdr:ext cx="534377"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1956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2621</xdr:rowOff>
    </xdr:from>
    <xdr:to>
      <xdr:col>55</xdr:col>
      <xdr:colOff>50800</xdr:colOff>
      <xdr:row>78</xdr:row>
      <xdr:rowOff>72771</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344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3493</xdr:rowOff>
    </xdr:from>
    <xdr:to>
      <xdr:col>50</xdr:col>
      <xdr:colOff>114300</xdr:colOff>
      <xdr:row>79</xdr:row>
      <xdr:rowOff>37306</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8750300" y="13526593"/>
          <a:ext cx="889000" cy="55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16294</xdr:rowOff>
    </xdr:from>
    <xdr:to>
      <xdr:col>50</xdr:col>
      <xdr:colOff>165100</xdr:colOff>
      <xdr:row>78</xdr:row>
      <xdr:rowOff>46444</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317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62971</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093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52216</xdr:rowOff>
    </xdr:from>
    <xdr:to>
      <xdr:col>45</xdr:col>
      <xdr:colOff>177800</xdr:colOff>
      <xdr:row>78</xdr:row>
      <xdr:rowOff>153493</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a:off x="7861300" y="13353866"/>
          <a:ext cx="889000" cy="172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9127</xdr:rowOff>
    </xdr:from>
    <xdr:to>
      <xdr:col>46</xdr:col>
      <xdr:colOff>38100</xdr:colOff>
      <xdr:row>78</xdr:row>
      <xdr:rowOff>9277</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280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25804</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3056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52216</xdr:rowOff>
    </xdr:from>
    <xdr:to>
      <xdr:col>41</xdr:col>
      <xdr:colOff>50800</xdr:colOff>
      <xdr:row>79</xdr:row>
      <xdr:rowOff>44450</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flipV="1">
          <a:off x="6972300" y="13353866"/>
          <a:ext cx="889000" cy="235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89148</xdr:rowOff>
    </xdr:from>
    <xdr:to>
      <xdr:col>41</xdr:col>
      <xdr:colOff>101600</xdr:colOff>
      <xdr:row>78</xdr:row>
      <xdr:rowOff>19298</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290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35825</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594111" y="13066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180</xdr:rowOff>
    </xdr:from>
    <xdr:to>
      <xdr:col>36</xdr:col>
      <xdr:colOff>165100</xdr:colOff>
      <xdr:row>77</xdr:row>
      <xdr:rowOff>142780</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242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59307</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018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3043</xdr:rowOff>
    </xdr:from>
    <xdr:to>
      <xdr:col>55</xdr:col>
      <xdr:colOff>50800</xdr:colOff>
      <xdr:row>79</xdr:row>
      <xdr:rowOff>93193</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536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7970</xdr:rowOff>
    </xdr:from>
    <xdr:ext cx="378565"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4510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7956</xdr:rowOff>
    </xdr:from>
    <xdr:to>
      <xdr:col>50</xdr:col>
      <xdr:colOff>165100</xdr:colOff>
      <xdr:row>79</xdr:row>
      <xdr:rowOff>88106</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531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79233</xdr:rowOff>
    </xdr:from>
    <xdr:ext cx="378565"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450017" y="136237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2693</xdr:rowOff>
    </xdr:from>
    <xdr:to>
      <xdr:col>46</xdr:col>
      <xdr:colOff>38100</xdr:colOff>
      <xdr:row>79</xdr:row>
      <xdr:rowOff>32843</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3475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3970</xdr:rowOff>
    </xdr:from>
    <xdr:ext cx="469744"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515428" y="135685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01416</xdr:rowOff>
    </xdr:from>
    <xdr:to>
      <xdr:col>41</xdr:col>
      <xdr:colOff>101600</xdr:colOff>
      <xdr:row>78</xdr:row>
      <xdr:rowOff>31566</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3303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22693</xdr:rowOff>
    </xdr:from>
    <xdr:ext cx="534377"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594111" y="13395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5100</xdr:rowOff>
    </xdr:from>
    <xdr:to>
      <xdr:col>36</xdr:col>
      <xdr:colOff>165100</xdr:colOff>
      <xdr:row>79</xdr:row>
      <xdr:rowOff>95250</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79</xdr:row>
      <xdr:rowOff>86377</xdr:rowOff>
    </xdr:from>
    <xdr:ext cx="249299"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84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普通建設事業費 （ うち更新整備　）グラフ枠">
          <a:extLst>
            <a:ext uri="{FF2B5EF4-FFF2-40B4-BE49-F238E27FC236}">
              <a16:creationId xmlns:a16="http://schemas.microsoft.com/office/drawing/2014/main" id="{00000000-0008-0000-0600-0000CC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6019</xdr:rowOff>
    </xdr:from>
    <xdr:to>
      <xdr:col>54</xdr:col>
      <xdr:colOff>189865</xdr:colOff>
      <xdr:row>99</xdr:row>
      <xdr:rowOff>40667</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10475595" y="15506519"/>
          <a:ext cx="1270" cy="1507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4494</xdr:rowOff>
    </xdr:from>
    <xdr:ext cx="469744" cy="259045"/>
    <xdr:sp macro="" textlink="">
      <xdr:nvSpPr>
        <xdr:cNvPr id="462" name="普通建設事業費 （ うち更新整備　）最小値テキスト">
          <a:extLst>
            <a:ext uri="{FF2B5EF4-FFF2-40B4-BE49-F238E27FC236}">
              <a16:creationId xmlns:a16="http://schemas.microsoft.com/office/drawing/2014/main" id="{00000000-0008-0000-0600-0000CE010000}"/>
            </a:ext>
          </a:extLst>
        </xdr:cNvPr>
        <xdr:cNvSpPr txBox="1"/>
      </xdr:nvSpPr>
      <xdr:spPr>
        <a:xfrm>
          <a:off x="10528300" y="17018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40667</xdr:rowOff>
    </xdr:from>
    <xdr:to>
      <xdr:col>55</xdr:col>
      <xdr:colOff>88900</xdr:colOff>
      <xdr:row>99</xdr:row>
      <xdr:rowOff>40667</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10388600" y="17014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2696</xdr:rowOff>
    </xdr:from>
    <xdr:ext cx="534377" cy="259045"/>
    <xdr:sp macro="" textlink="">
      <xdr:nvSpPr>
        <xdr:cNvPr id="464" name="普通建設事業費 （ うち更新整備　）最大値テキスト">
          <a:extLst>
            <a:ext uri="{FF2B5EF4-FFF2-40B4-BE49-F238E27FC236}">
              <a16:creationId xmlns:a16="http://schemas.microsoft.com/office/drawing/2014/main" id="{00000000-0008-0000-0600-0000D0010000}"/>
            </a:ext>
          </a:extLst>
        </xdr:cNvPr>
        <xdr:cNvSpPr txBox="1"/>
      </xdr:nvSpPr>
      <xdr:spPr>
        <a:xfrm>
          <a:off x="10528300" y="15281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6019</xdr:rowOff>
    </xdr:from>
    <xdr:to>
      <xdr:col>55</xdr:col>
      <xdr:colOff>88900</xdr:colOff>
      <xdr:row>90</xdr:row>
      <xdr:rowOff>76019</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10388600" y="15506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51375</xdr:rowOff>
    </xdr:from>
    <xdr:to>
      <xdr:col>55</xdr:col>
      <xdr:colOff>0</xdr:colOff>
      <xdr:row>98</xdr:row>
      <xdr:rowOff>116056</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flipV="1">
          <a:off x="9639300" y="16782025"/>
          <a:ext cx="838200" cy="136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2918</xdr:rowOff>
    </xdr:from>
    <xdr:ext cx="534377" cy="259045"/>
    <xdr:sp macro="" textlink="">
      <xdr:nvSpPr>
        <xdr:cNvPr id="467" name="普通建設事業費 （ うち更新整備　）平均値テキスト">
          <a:extLst>
            <a:ext uri="{FF2B5EF4-FFF2-40B4-BE49-F238E27FC236}">
              <a16:creationId xmlns:a16="http://schemas.microsoft.com/office/drawing/2014/main" id="{00000000-0008-0000-0600-0000D3010000}"/>
            </a:ext>
          </a:extLst>
        </xdr:cNvPr>
        <xdr:cNvSpPr txBox="1"/>
      </xdr:nvSpPr>
      <xdr:spPr>
        <a:xfrm>
          <a:off x="10528300" y="164506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0041</xdr:rowOff>
    </xdr:from>
    <xdr:to>
      <xdr:col>55</xdr:col>
      <xdr:colOff>50800</xdr:colOff>
      <xdr:row>97</xdr:row>
      <xdr:rowOff>70191</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10426700" y="16599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16056</xdr:rowOff>
    </xdr:from>
    <xdr:to>
      <xdr:col>50</xdr:col>
      <xdr:colOff>114300</xdr:colOff>
      <xdr:row>98</xdr:row>
      <xdr:rowOff>133871</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8750300" y="16918156"/>
          <a:ext cx="889000" cy="17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4227</xdr:rowOff>
    </xdr:from>
    <xdr:to>
      <xdr:col>50</xdr:col>
      <xdr:colOff>165100</xdr:colOff>
      <xdr:row>97</xdr:row>
      <xdr:rowOff>64377</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9588500" y="16593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0904</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9372111" y="1636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02177</xdr:rowOff>
    </xdr:from>
    <xdr:to>
      <xdr:col>45</xdr:col>
      <xdr:colOff>177800</xdr:colOff>
      <xdr:row>98</xdr:row>
      <xdr:rowOff>133871</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a:off x="7861300" y="16561377"/>
          <a:ext cx="889000" cy="374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6418</xdr:rowOff>
    </xdr:from>
    <xdr:to>
      <xdr:col>46</xdr:col>
      <xdr:colOff>38100</xdr:colOff>
      <xdr:row>97</xdr:row>
      <xdr:rowOff>16568</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8699500" y="16545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33095</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8483111" y="16320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02177</xdr:rowOff>
    </xdr:from>
    <xdr:to>
      <xdr:col>41</xdr:col>
      <xdr:colOff>50800</xdr:colOff>
      <xdr:row>98</xdr:row>
      <xdr:rowOff>87954</xdr:rowOff>
    </xdr:to>
    <xdr:cxnSp macro="">
      <xdr:nvCxnSpPr>
        <xdr:cNvPr id="475" name="直線コネクタ 474">
          <a:extLst>
            <a:ext uri="{FF2B5EF4-FFF2-40B4-BE49-F238E27FC236}">
              <a16:creationId xmlns:a16="http://schemas.microsoft.com/office/drawing/2014/main" id="{00000000-0008-0000-0600-0000DB010000}"/>
            </a:ext>
          </a:extLst>
        </xdr:cNvPr>
        <xdr:cNvCxnSpPr/>
      </xdr:nvCxnSpPr>
      <xdr:spPr>
        <a:xfrm flipV="1">
          <a:off x="6972300" y="16561377"/>
          <a:ext cx="889000" cy="328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3609</xdr:rowOff>
    </xdr:from>
    <xdr:to>
      <xdr:col>41</xdr:col>
      <xdr:colOff>101600</xdr:colOff>
      <xdr:row>97</xdr:row>
      <xdr:rowOff>13759</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7810500" y="16542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4886</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7594111" y="16635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420</xdr:rowOff>
    </xdr:from>
    <xdr:to>
      <xdr:col>36</xdr:col>
      <xdr:colOff>165100</xdr:colOff>
      <xdr:row>97</xdr:row>
      <xdr:rowOff>109020</xdr:rowOff>
    </xdr:to>
    <xdr:sp macro="" textlink="">
      <xdr:nvSpPr>
        <xdr:cNvPr id="478" name="フローチャート: 判断 477">
          <a:extLst>
            <a:ext uri="{FF2B5EF4-FFF2-40B4-BE49-F238E27FC236}">
              <a16:creationId xmlns:a16="http://schemas.microsoft.com/office/drawing/2014/main" id="{00000000-0008-0000-0600-0000DE010000}"/>
            </a:ext>
          </a:extLst>
        </xdr:cNvPr>
        <xdr:cNvSpPr/>
      </xdr:nvSpPr>
      <xdr:spPr>
        <a:xfrm>
          <a:off x="6921500" y="16638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5547</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6705111" y="1641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0575</xdr:rowOff>
    </xdr:from>
    <xdr:to>
      <xdr:col>55</xdr:col>
      <xdr:colOff>50800</xdr:colOff>
      <xdr:row>98</xdr:row>
      <xdr:rowOff>30725</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10426700" y="16731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79002</xdr:rowOff>
    </xdr:from>
    <xdr:ext cx="534377" cy="259045"/>
    <xdr:sp macro="" textlink="">
      <xdr:nvSpPr>
        <xdr:cNvPr id="486" name="普通建設事業費 （ うち更新整備　）該当値テキスト">
          <a:extLst>
            <a:ext uri="{FF2B5EF4-FFF2-40B4-BE49-F238E27FC236}">
              <a16:creationId xmlns:a16="http://schemas.microsoft.com/office/drawing/2014/main" id="{00000000-0008-0000-0600-0000E6010000}"/>
            </a:ext>
          </a:extLst>
        </xdr:cNvPr>
        <xdr:cNvSpPr txBox="1"/>
      </xdr:nvSpPr>
      <xdr:spPr>
        <a:xfrm>
          <a:off x="10528300" y="16709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65256</xdr:rowOff>
    </xdr:from>
    <xdr:to>
      <xdr:col>50</xdr:col>
      <xdr:colOff>165100</xdr:colOff>
      <xdr:row>98</xdr:row>
      <xdr:rowOff>166856</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9588500" y="16867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57983</xdr:rowOff>
    </xdr:from>
    <xdr:ext cx="469744"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9404428" y="16960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83071</xdr:rowOff>
    </xdr:from>
    <xdr:to>
      <xdr:col>46</xdr:col>
      <xdr:colOff>38100</xdr:colOff>
      <xdr:row>99</xdr:row>
      <xdr:rowOff>13221</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8699500" y="16885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9</xdr:row>
      <xdr:rowOff>4348</xdr:rowOff>
    </xdr:from>
    <xdr:ext cx="469744"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8515428" y="16977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51377</xdr:rowOff>
    </xdr:from>
    <xdr:to>
      <xdr:col>41</xdr:col>
      <xdr:colOff>101600</xdr:colOff>
      <xdr:row>96</xdr:row>
      <xdr:rowOff>152977</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7810500" y="16510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69504</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7594111" y="16285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7154</xdr:rowOff>
    </xdr:from>
    <xdr:to>
      <xdr:col>36</xdr:col>
      <xdr:colOff>165100</xdr:colOff>
      <xdr:row>98</xdr:row>
      <xdr:rowOff>138754</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6921500" y="16839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29881</xdr:rowOff>
    </xdr:from>
    <xdr:ext cx="534377"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6705111" y="16931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災害復旧事業費グラフ枠">
          <a:extLst>
            <a:ext uri="{FF2B5EF4-FFF2-40B4-BE49-F238E27FC236}">
              <a16:creationId xmlns:a16="http://schemas.microsoft.com/office/drawing/2014/main" id="{00000000-0008-0000-06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839</xdr:rowOff>
    </xdr:from>
    <xdr:to>
      <xdr:col>85</xdr:col>
      <xdr:colOff>126364</xdr:colOff>
      <xdr:row>39</xdr:row>
      <xdr:rowOff>98878</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flipV="1">
          <a:off x="16317595" y="5324789"/>
          <a:ext cx="1269" cy="1460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24995</xdr:rowOff>
    </xdr:from>
    <xdr:ext cx="249299" cy="259045"/>
    <xdr:sp macro="" textlink="">
      <xdr:nvSpPr>
        <xdr:cNvPr id="521" name="災害復旧事業費最小値テキスト">
          <a:extLst>
            <a:ext uri="{FF2B5EF4-FFF2-40B4-BE49-F238E27FC236}">
              <a16:creationId xmlns:a16="http://schemas.microsoft.com/office/drawing/2014/main" id="{00000000-0008-0000-0600-000009020000}"/>
            </a:ext>
          </a:extLst>
        </xdr:cNvPr>
        <xdr:cNvSpPr txBox="1"/>
      </xdr:nvSpPr>
      <xdr:spPr>
        <a:xfrm>
          <a:off x="16370300" y="68115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7966</xdr:rowOff>
    </xdr:from>
    <xdr:ext cx="534377" cy="259045"/>
    <xdr:sp macro="" textlink="">
      <xdr:nvSpPr>
        <xdr:cNvPr id="523" name="災害復旧事業費最大値テキスト">
          <a:extLst>
            <a:ext uri="{FF2B5EF4-FFF2-40B4-BE49-F238E27FC236}">
              <a16:creationId xmlns:a16="http://schemas.microsoft.com/office/drawing/2014/main" id="{00000000-0008-0000-0600-00000B020000}"/>
            </a:ext>
          </a:extLst>
        </xdr:cNvPr>
        <xdr:cNvSpPr txBox="1"/>
      </xdr:nvSpPr>
      <xdr:spPr>
        <a:xfrm>
          <a:off x="16370300" y="5100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839</xdr:rowOff>
    </xdr:from>
    <xdr:to>
      <xdr:col>86</xdr:col>
      <xdr:colOff>25400</xdr:colOff>
      <xdr:row>31</xdr:row>
      <xdr:rowOff>9839</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6230600" y="5324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2446</xdr:rowOff>
    </xdr:from>
    <xdr:ext cx="469744" cy="259045"/>
    <xdr:sp macro="" textlink="">
      <xdr:nvSpPr>
        <xdr:cNvPr id="526" name="災害復旧事業費平均値テキスト">
          <a:extLst>
            <a:ext uri="{FF2B5EF4-FFF2-40B4-BE49-F238E27FC236}">
              <a16:creationId xmlns:a16="http://schemas.microsoft.com/office/drawing/2014/main" id="{00000000-0008-0000-0600-00000E020000}"/>
            </a:ext>
          </a:extLst>
        </xdr:cNvPr>
        <xdr:cNvSpPr txBox="1"/>
      </xdr:nvSpPr>
      <xdr:spPr>
        <a:xfrm>
          <a:off x="16370300" y="65575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9569</xdr:rowOff>
    </xdr:from>
    <xdr:to>
      <xdr:col>85</xdr:col>
      <xdr:colOff>177800</xdr:colOff>
      <xdr:row>39</xdr:row>
      <xdr:rowOff>121169</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6268700" y="670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11895</xdr:rowOff>
    </xdr:from>
    <xdr:to>
      <xdr:col>81</xdr:col>
      <xdr:colOff>101600</xdr:colOff>
      <xdr:row>39</xdr:row>
      <xdr:rowOff>113495</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5430500" y="669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30022</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5246428" y="6473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31" name="直線コネクタ 530">
          <a:extLst>
            <a:ext uri="{FF2B5EF4-FFF2-40B4-BE49-F238E27FC236}">
              <a16:creationId xmlns:a16="http://schemas.microsoft.com/office/drawing/2014/main" id="{00000000-0008-0000-0600-000013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21071</xdr:rowOff>
    </xdr:from>
    <xdr:to>
      <xdr:col>76</xdr:col>
      <xdr:colOff>165100</xdr:colOff>
      <xdr:row>39</xdr:row>
      <xdr:rowOff>122671</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4541500" y="6707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39198</xdr:rowOff>
    </xdr:from>
    <xdr:ext cx="469744"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4357428" y="6482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34" name="直線コネクタ 533">
          <a:extLst>
            <a:ext uri="{FF2B5EF4-FFF2-40B4-BE49-F238E27FC236}">
              <a16:creationId xmlns:a16="http://schemas.microsoft.com/office/drawing/2014/main" id="{00000000-0008-0000-0600-000016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5013</xdr:rowOff>
    </xdr:from>
    <xdr:to>
      <xdr:col>72</xdr:col>
      <xdr:colOff>38100</xdr:colOff>
      <xdr:row>39</xdr:row>
      <xdr:rowOff>116613</xdr:rowOff>
    </xdr:to>
    <xdr:sp macro="" textlink="">
      <xdr:nvSpPr>
        <xdr:cNvPr id="535" name="フローチャート: 判断 534">
          <a:extLst>
            <a:ext uri="{FF2B5EF4-FFF2-40B4-BE49-F238E27FC236}">
              <a16:creationId xmlns:a16="http://schemas.microsoft.com/office/drawing/2014/main" id="{00000000-0008-0000-0600-000017020000}"/>
            </a:ext>
          </a:extLst>
        </xdr:cNvPr>
        <xdr:cNvSpPr/>
      </xdr:nvSpPr>
      <xdr:spPr>
        <a:xfrm>
          <a:off x="13652500" y="6701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33140</xdr:rowOff>
    </xdr:from>
    <xdr:ext cx="469744"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468428" y="647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23684</xdr:rowOff>
    </xdr:from>
    <xdr:to>
      <xdr:col>67</xdr:col>
      <xdr:colOff>101600</xdr:colOff>
      <xdr:row>39</xdr:row>
      <xdr:rowOff>125284</xdr:rowOff>
    </xdr:to>
    <xdr:sp macro="" textlink="">
      <xdr:nvSpPr>
        <xdr:cNvPr id="537" name="フローチャート: 判断 536">
          <a:extLst>
            <a:ext uri="{FF2B5EF4-FFF2-40B4-BE49-F238E27FC236}">
              <a16:creationId xmlns:a16="http://schemas.microsoft.com/office/drawing/2014/main" id="{00000000-0008-0000-0600-000019020000}"/>
            </a:ext>
          </a:extLst>
        </xdr:cNvPr>
        <xdr:cNvSpPr/>
      </xdr:nvSpPr>
      <xdr:spPr>
        <a:xfrm>
          <a:off x="12763500" y="6710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41811</xdr:rowOff>
    </xdr:from>
    <xdr:ext cx="469744"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2579428" y="6485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69445</xdr:rowOff>
    </xdr:from>
    <xdr:ext cx="249299" cy="259045"/>
    <xdr:sp macro="" textlink="">
      <xdr:nvSpPr>
        <xdr:cNvPr id="545" name="災害復旧事業費該当値テキスト">
          <a:extLst>
            <a:ext uri="{FF2B5EF4-FFF2-40B4-BE49-F238E27FC236}">
              <a16:creationId xmlns:a16="http://schemas.microsoft.com/office/drawing/2014/main" id="{00000000-0008-0000-0600-000021020000}"/>
            </a:ext>
          </a:extLst>
        </xdr:cNvPr>
        <xdr:cNvSpPr txBox="1"/>
      </xdr:nvSpPr>
      <xdr:spPr>
        <a:xfrm>
          <a:off x="16370300" y="66845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2" name="楕円 551">
          <a:extLst>
            <a:ext uri="{FF2B5EF4-FFF2-40B4-BE49-F238E27FC236}">
              <a16:creationId xmlns:a16="http://schemas.microsoft.com/office/drawing/2014/main" id="{00000000-0008-0000-0600-000028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5" name="テキスト ボックス 564">
          <a:extLst>
            <a:ext uri="{FF2B5EF4-FFF2-40B4-BE49-F238E27FC236}">
              <a16:creationId xmlns:a16="http://schemas.microsoft.com/office/drawing/2014/main" id="{00000000-0008-0000-0600-000035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7" name="テキスト ボックス 566">
          <a:extLst>
            <a:ext uri="{FF2B5EF4-FFF2-40B4-BE49-F238E27FC236}">
              <a16:creationId xmlns:a16="http://schemas.microsoft.com/office/drawing/2014/main" id="{00000000-0008-0000-0600-000037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失業対策事業費グラフ枠">
          <a:extLst>
            <a:ext uri="{FF2B5EF4-FFF2-40B4-BE49-F238E27FC236}">
              <a16:creationId xmlns:a16="http://schemas.microsoft.com/office/drawing/2014/main" id="{00000000-0008-0000-06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0" name="失業対策事業費最小値テキスト">
          <a:extLst>
            <a:ext uri="{FF2B5EF4-FFF2-40B4-BE49-F238E27FC236}">
              <a16:creationId xmlns:a16="http://schemas.microsoft.com/office/drawing/2014/main" id="{00000000-0008-0000-0600-00003A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2" name="失業対策事業費最大値テキスト">
          <a:extLst>
            <a:ext uri="{FF2B5EF4-FFF2-40B4-BE49-F238E27FC236}">
              <a16:creationId xmlns:a16="http://schemas.microsoft.com/office/drawing/2014/main" id="{00000000-0008-0000-0600-00003C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5" name="失業対策事業費平均値テキスト">
          <a:extLst>
            <a:ext uri="{FF2B5EF4-FFF2-40B4-BE49-F238E27FC236}">
              <a16:creationId xmlns:a16="http://schemas.microsoft.com/office/drawing/2014/main" id="{00000000-0008-0000-0600-00003F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0" name="直線コネクタ 579">
          <a:extLst>
            <a:ext uri="{FF2B5EF4-FFF2-40B4-BE49-F238E27FC236}">
              <a16:creationId xmlns:a16="http://schemas.microsoft.com/office/drawing/2014/main" id="{00000000-0008-0000-0600-000044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3" name="直線コネクタ 582">
          <a:extLst>
            <a:ext uri="{FF2B5EF4-FFF2-40B4-BE49-F238E27FC236}">
              <a16:creationId xmlns:a16="http://schemas.microsoft.com/office/drawing/2014/main" id="{00000000-0008-0000-0600-000047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4" name="フローチャート: 判断 583">
          <a:extLst>
            <a:ext uri="{FF2B5EF4-FFF2-40B4-BE49-F238E27FC236}">
              <a16:creationId xmlns:a16="http://schemas.microsoft.com/office/drawing/2014/main" id="{00000000-0008-0000-0600-000048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6" name="フローチャート: 判断 585">
          <a:extLst>
            <a:ext uri="{FF2B5EF4-FFF2-40B4-BE49-F238E27FC236}">
              <a16:creationId xmlns:a16="http://schemas.microsoft.com/office/drawing/2014/main" id="{00000000-0008-0000-0600-00004A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4" name="失業対策事業費該当値テキスト">
          <a:extLst>
            <a:ext uri="{FF2B5EF4-FFF2-40B4-BE49-F238E27FC236}">
              <a16:creationId xmlns:a16="http://schemas.microsoft.com/office/drawing/2014/main" id="{00000000-0008-0000-0600-000052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1" name="楕円 600">
          <a:extLst>
            <a:ext uri="{FF2B5EF4-FFF2-40B4-BE49-F238E27FC236}">
              <a16:creationId xmlns:a16="http://schemas.microsoft.com/office/drawing/2014/main" id="{00000000-0008-0000-0600-000059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公債費グラフ枠">
          <a:extLst>
            <a:ext uri="{FF2B5EF4-FFF2-40B4-BE49-F238E27FC236}">
              <a16:creationId xmlns:a16="http://schemas.microsoft.com/office/drawing/2014/main" id="{00000000-0008-0000-06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09165</xdr:rowOff>
    </xdr:from>
    <xdr:to>
      <xdr:col>85</xdr:col>
      <xdr:colOff>126364</xdr:colOff>
      <xdr:row>78</xdr:row>
      <xdr:rowOff>133038</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6317595" y="11939215"/>
          <a:ext cx="1269" cy="1566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36865</xdr:rowOff>
    </xdr:from>
    <xdr:ext cx="469744" cy="259045"/>
    <xdr:sp macro="" textlink="">
      <xdr:nvSpPr>
        <xdr:cNvPr id="629" name="公債費最小値テキスト">
          <a:extLst>
            <a:ext uri="{FF2B5EF4-FFF2-40B4-BE49-F238E27FC236}">
              <a16:creationId xmlns:a16="http://schemas.microsoft.com/office/drawing/2014/main" id="{00000000-0008-0000-0600-000075020000}"/>
            </a:ext>
          </a:extLst>
        </xdr:cNvPr>
        <xdr:cNvSpPr txBox="1"/>
      </xdr:nvSpPr>
      <xdr:spPr>
        <a:xfrm>
          <a:off x="16370300" y="13509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3038</xdr:rowOff>
    </xdr:from>
    <xdr:to>
      <xdr:col>86</xdr:col>
      <xdr:colOff>25400</xdr:colOff>
      <xdr:row>78</xdr:row>
      <xdr:rowOff>133038</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6230600" y="13506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55842</xdr:rowOff>
    </xdr:from>
    <xdr:ext cx="599010" cy="259045"/>
    <xdr:sp macro="" textlink="">
      <xdr:nvSpPr>
        <xdr:cNvPr id="631" name="公債費最大値テキスト">
          <a:extLst>
            <a:ext uri="{FF2B5EF4-FFF2-40B4-BE49-F238E27FC236}">
              <a16:creationId xmlns:a16="http://schemas.microsoft.com/office/drawing/2014/main" id="{00000000-0008-0000-0600-000077020000}"/>
            </a:ext>
          </a:extLst>
        </xdr:cNvPr>
        <xdr:cNvSpPr txBox="1"/>
      </xdr:nvSpPr>
      <xdr:spPr>
        <a:xfrm>
          <a:off x="16370300" y="11714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09165</xdr:rowOff>
    </xdr:from>
    <xdr:to>
      <xdr:col>86</xdr:col>
      <xdr:colOff>25400</xdr:colOff>
      <xdr:row>69</xdr:row>
      <xdr:rowOff>109165</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6230600" y="11939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31311</xdr:rowOff>
    </xdr:from>
    <xdr:to>
      <xdr:col>85</xdr:col>
      <xdr:colOff>127000</xdr:colOff>
      <xdr:row>77</xdr:row>
      <xdr:rowOff>63233</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flipV="1">
          <a:off x="15481300" y="13232961"/>
          <a:ext cx="838200" cy="31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38021</xdr:rowOff>
    </xdr:from>
    <xdr:ext cx="534377" cy="259045"/>
    <xdr:sp macro="" textlink="">
      <xdr:nvSpPr>
        <xdr:cNvPr id="634" name="公債費平均値テキスト">
          <a:extLst>
            <a:ext uri="{FF2B5EF4-FFF2-40B4-BE49-F238E27FC236}">
              <a16:creationId xmlns:a16="http://schemas.microsoft.com/office/drawing/2014/main" id="{00000000-0008-0000-0600-00007A020000}"/>
            </a:ext>
          </a:extLst>
        </xdr:cNvPr>
        <xdr:cNvSpPr txBox="1"/>
      </xdr:nvSpPr>
      <xdr:spPr>
        <a:xfrm>
          <a:off x="16370300" y="128967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143</xdr:rowOff>
    </xdr:from>
    <xdr:to>
      <xdr:col>85</xdr:col>
      <xdr:colOff>177800</xdr:colOff>
      <xdr:row>76</xdr:row>
      <xdr:rowOff>116743</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6268700" y="13045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63233</xdr:rowOff>
    </xdr:from>
    <xdr:to>
      <xdr:col>81</xdr:col>
      <xdr:colOff>50800</xdr:colOff>
      <xdr:row>77</xdr:row>
      <xdr:rowOff>75234</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flipV="1">
          <a:off x="14592300" y="13264883"/>
          <a:ext cx="889000" cy="12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31390</xdr:rowOff>
    </xdr:from>
    <xdr:to>
      <xdr:col>81</xdr:col>
      <xdr:colOff>101600</xdr:colOff>
      <xdr:row>76</xdr:row>
      <xdr:rowOff>132990</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5430500" y="1306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49518</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5214111" y="12836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64605</xdr:rowOff>
    </xdr:from>
    <xdr:to>
      <xdr:col>76</xdr:col>
      <xdr:colOff>114300</xdr:colOff>
      <xdr:row>77</xdr:row>
      <xdr:rowOff>75234</xdr:rowOff>
    </xdr:to>
    <xdr:cxnSp macro="">
      <xdr:nvCxnSpPr>
        <xdr:cNvPr id="639" name="直線コネクタ 638">
          <a:extLst>
            <a:ext uri="{FF2B5EF4-FFF2-40B4-BE49-F238E27FC236}">
              <a16:creationId xmlns:a16="http://schemas.microsoft.com/office/drawing/2014/main" id="{00000000-0008-0000-0600-00007F020000}"/>
            </a:ext>
          </a:extLst>
        </xdr:cNvPr>
        <xdr:cNvCxnSpPr/>
      </xdr:nvCxnSpPr>
      <xdr:spPr>
        <a:xfrm>
          <a:off x="13703300" y="13266255"/>
          <a:ext cx="889000" cy="1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52699</xdr:rowOff>
    </xdr:from>
    <xdr:to>
      <xdr:col>76</xdr:col>
      <xdr:colOff>165100</xdr:colOff>
      <xdr:row>76</xdr:row>
      <xdr:rowOff>154299</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45415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70827</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4325111" y="1285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64605</xdr:rowOff>
    </xdr:from>
    <xdr:to>
      <xdr:col>71</xdr:col>
      <xdr:colOff>177800</xdr:colOff>
      <xdr:row>77</xdr:row>
      <xdr:rowOff>71985</xdr:rowOff>
    </xdr:to>
    <xdr:cxnSp macro="">
      <xdr:nvCxnSpPr>
        <xdr:cNvPr id="642" name="直線コネクタ 641">
          <a:extLst>
            <a:ext uri="{FF2B5EF4-FFF2-40B4-BE49-F238E27FC236}">
              <a16:creationId xmlns:a16="http://schemas.microsoft.com/office/drawing/2014/main" id="{00000000-0008-0000-0600-000082020000}"/>
            </a:ext>
          </a:extLst>
        </xdr:cNvPr>
        <xdr:cNvCxnSpPr/>
      </xdr:nvCxnSpPr>
      <xdr:spPr>
        <a:xfrm flipV="1">
          <a:off x="12814300" y="13266255"/>
          <a:ext cx="889000" cy="7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5303</xdr:rowOff>
    </xdr:from>
    <xdr:to>
      <xdr:col>72</xdr:col>
      <xdr:colOff>38100</xdr:colOff>
      <xdr:row>76</xdr:row>
      <xdr:rowOff>146903</xdr:rowOff>
    </xdr:to>
    <xdr:sp macro="" textlink="">
      <xdr:nvSpPr>
        <xdr:cNvPr id="643" name="フローチャート: 判断 642">
          <a:extLst>
            <a:ext uri="{FF2B5EF4-FFF2-40B4-BE49-F238E27FC236}">
              <a16:creationId xmlns:a16="http://schemas.microsoft.com/office/drawing/2014/main" id="{00000000-0008-0000-0600-000083020000}"/>
            </a:ext>
          </a:extLst>
        </xdr:cNvPr>
        <xdr:cNvSpPr/>
      </xdr:nvSpPr>
      <xdr:spPr>
        <a:xfrm>
          <a:off x="13652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63430</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436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37776</xdr:rowOff>
    </xdr:from>
    <xdr:to>
      <xdr:col>67</xdr:col>
      <xdr:colOff>101600</xdr:colOff>
      <xdr:row>76</xdr:row>
      <xdr:rowOff>139376</xdr:rowOff>
    </xdr:to>
    <xdr:sp macro="" textlink="">
      <xdr:nvSpPr>
        <xdr:cNvPr id="645" name="フローチャート: 判断 644">
          <a:extLst>
            <a:ext uri="{FF2B5EF4-FFF2-40B4-BE49-F238E27FC236}">
              <a16:creationId xmlns:a16="http://schemas.microsoft.com/office/drawing/2014/main" id="{00000000-0008-0000-0600-000085020000}"/>
            </a:ext>
          </a:extLst>
        </xdr:cNvPr>
        <xdr:cNvSpPr/>
      </xdr:nvSpPr>
      <xdr:spPr>
        <a:xfrm>
          <a:off x="12763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55902</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547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1961</xdr:rowOff>
    </xdr:from>
    <xdr:to>
      <xdr:col>85</xdr:col>
      <xdr:colOff>177800</xdr:colOff>
      <xdr:row>77</xdr:row>
      <xdr:rowOff>82111</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6268700" y="13182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30388</xdr:rowOff>
    </xdr:from>
    <xdr:ext cx="534377" cy="259045"/>
    <xdr:sp macro="" textlink="">
      <xdr:nvSpPr>
        <xdr:cNvPr id="653" name="公債費該当値テキスト">
          <a:extLst>
            <a:ext uri="{FF2B5EF4-FFF2-40B4-BE49-F238E27FC236}">
              <a16:creationId xmlns:a16="http://schemas.microsoft.com/office/drawing/2014/main" id="{00000000-0008-0000-0600-00008D020000}"/>
            </a:ext>
          </a:extLst>
        </xdr:cNvPr>
        <xdr:cNvSpPr txBox="1"/>
      </xdr:nvSpPr>
      <xdr:spPr>
        <a:xfrm>
          <a:off x="16370300" y="13160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2433</xdr:rowOff>
    </xdr:from>
    <xdr:to>
      <xdr:col>81</xdr:col>
      <xdr:colOff>101600</xdr:colOff>
      <xdr:row>77</xdr:row>
      <xdr:rowOff>114033</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5430500" y="13214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05160</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5214111" y="13306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24434</xdr:rowOff>
    </xdr:from>
    <xdr:to>
      <xdr:col>76</xdr:col>
      <xdr:colOff>165100</xdr:colOff>
      <xdr:row>77</xdr:row>
      <xdr:rowOff>126034</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4541500" y="1322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17161</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4325111" y="13318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3805</xdr:rowOff>
    </xdr:from>
    <xdr:to>
      <xdr:col>72</xdr:col>
      <xdr:colOff>38100</xdr:colOff>
      <xdr:row>77</xdr:row>
      <xdr:rowOff>115405</xdr:rowOff>
    </xdr:to>
    <xdr:sp macro="" textlink="">
      <xdr:nvSpPr>
        <xdr:cNvPr id="658" name="楕円 657">
          <a:extLst>
            <a:ext uri="{FF2B5EF4-FFF2-40B4-BE49-F238E27FC236}">
              <a16:creationId xmlns:a16="http://schemas.microsoft.com/office/drawing/2014/main" id="{00000000-0008-0000-0600-000092020000}"/>
            </a:ext>
          </a:extLst>
        </xdr:cNvPr>
        <xdr:cNvSpPr/>
      </xdr:nvSpPr>
      <xdr:spPr>
        <a:xfrm>
          <a:off x="13652500" y="13215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6532</xdr:rowOff>
    </xdr:from>
    <xdr:ext cx="534377"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3436111" y="13308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21185</xdr:rowOff>
    </xdr:from>
    <xdr:to>
      <xdr:col>67</xdr:col>
      <xdr:colOff>101600</xdr:colOff>
      <xdr:row>77</xdr:row>
      <xdr:rowOff>122785</xdr:rowOff>
    </xdr:to>
    <xdr:sp macro="" textlink="">
      <xdr:nvSpPr>
        <xdr:cNvPr id="660" name="楕円 659">
          <a:extLst>
            <a:ext uri="{FF2B5EF4-FFF2-40B4-BE49-F238E27FC236}">
              <a16:creationId xmlns:a16="http://schemas.microsoft.com/office/drawing/2014/main" id="{00000000-0008-0000-0600-000094020000}"/>
            </a:ext>
          </a:extLst>
        </xdr:cNvPr>
        <xdr:cNvSpPr/>
      </xdr:nvSpPr>
      <xdr:spPr>
        <a:xfrm>
          <a:off x="12763500" y="13222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13912</xdr:rowOff>
    </xdr:from>
    <xdr:ext cx="534377"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2547111" y="13315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積立金グラフ枠">
          <a:extLst>
            <a:ext uri="{FF2B5EF4-FFF2-40B4-BE49-F238E27FC236}">
              <a16:creationId xmlns:a16="http://schemas.microsoft.com/office/drawing/2014/main" id="{00000000-0008-0000-0600-0000AA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9939</xdr:rowOff>
    </xdr:from>
    <xdr:to>
      <xdr:col>85</xdr:col>
      <xdr:colOff>126364</xdr:colOff>
      <xdr:row>98</xdr:row>
      <xdr:rowOff>139184</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6317595" y="15681889"/>
          <a:ext cx="1269" cy="1259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011</xdr:rowOff>
    </xdr:from>
    <xdr:ext cx="378565" cy="259045"/>
    <xdr:sp macro="" textlink="">
      <xdr:nvSpPr>
        <xdr:cNvPr id="684" name="積立金最小値テキスト">
          <a:extLst>
            <a:ext uri="{FF2B5EF4-FFF2-40B4-BE49-F238E27FC236}">
              <a16:creationId xmlns:a16="http://schemas.microsoft.com/office/drawing/2014/main" id="{00000000-0008-0000-0600-0000AC020000}"/>
            </a:ext>
          </a:extLst>
        </xdr:cNvPr>
        <xdr:cNvSpPr txBox="1"/>
      </xdr:nvSpPr>
      <xdr:spPr>
        <a:xfrm>
          <a:off x="16370300" y="169451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184</xdr:rowOff>
    </xdr:from>
    <xdr:to>
      <xdr:col>86</xdr:col>
      <xdr:colOff>25400</xdr:colOff>
      <xdr:row>98</xdr:row>
      <xdr:rowOff>139184</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6230600" y="16941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6616</xdr:rowOff>
    </xdr:from>
    <xdr:ext cx="599010" cy="259045"/>
    <xdr:sp macro="" textlink="">
      <xdr:nvSpPr>
        <xdr:cNvPr id="686" name="積立金最大値テキスト">
          <a:extLst>
            <a:ext uri="{FF2B5EF4-FFF2-40B4-BE49-F238E27FC236}">
              <a16:creationId xmlns:a16="http://schemas.microsoft.com/office/drawing/2014/main" id="{00000000-0008-0000-0600-0000AE020000}"/>
            </a:ext>
          </a:extLst>
        </xdr:cNvPr>
        <xdr:cNvSpPr txBox="1"/>
      </xdr:nvSpPr>
      <xdr:spPr>
        <a:xfrm>
          <a:off x="16370300" y="15457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79939</xdr:rowOff>
    </xdr:from>
    <xdr:to>
      <xdr:col>86</xdr:col>
      <xdr:colOff>25400</xdr:colOff>
      <xdr:row>91</xdr:row>
      <xdr:rowOff>79939</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6230600" y="15681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9832</xdr:rowOff>
    </xdr:from>
    <xdr:to>
      <xdr:col>85</xdr:col>
      <xdr:colOff>127000</xdr:colOff>
      <xdr:row>98</xdr:row>
      <xdr:rowOff>72222</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a:off x="15481300" y="16811932"/>
          <a:ext cx="838200" cy="6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894</xdr:rowOff>
    </xdr:from>
    <xdr:ext cx="534377" cy="259045"/>
    <xdr:sp macro="" textlink="">
      <xdr:nvSpPr>
        <xdr:cNvPr id="689" name="積立金平均値テキスト">
          <a:extLst>
            <a:ext uri="{FF2B5EF4-FFF2-40B4-BE49-F238E27FC236}">
              <a16:creationId xmlns:a16="http://schemas.microsoft.com/office/drawing/2014/main" id="{00000000-0008-0000-0600-0000B1020000}"/>
            </a:ext>
          </a:extLst>
        </xdr:cNvPr>
        <xdr:cNvSpPr txBox="1"/>
      </xdr:nvSpPr>
      <xdr:spPr>
        <a:xfrm>
          <a:off x="16370300" y="166325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0467</xdr:rowOff>
    </xdr:from>
    <xdr:to>
      <xdr:col>85</xdr:col>
      <xdr:colOff>177800</xdr:colOff>
      <xdr:row>98</xdr:row>
      <xdr:rowOff>80617</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6268700" y="16781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9832</xdr:rowOff>
    </xdr:from>
    <xdr:to>
      <xdr:col>81</xdr:col>
      <xdr:colOff>50800</xdr:colOff>
      <xdr:row>98</xdr:row>
      <xdr:rowOff>61669</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flipV="1">
          <a:off x="14592300" y="16811932"/>
          <a:ext cx="889000" cy="51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6554</xdr:rowOff>
    </xdr:from>
    <xdr:to>
      <xdr:col>81</xdr:col>
      <xdr:colOff>101600</xdr:colOff>
      <xdr:row>98</xdr:row>
      <xdr:rowOff>66704</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5430500" y="16767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7831</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5214111" y="16859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61669</xdr:rowOff>
    </xdr:from>
    <xdr:to>
      <xdr:col>76</xdr:col>
      <xdr:colOff>114300</xdr:colOff>
      <xdr:row>98</xdr:row>
      <xdr:rowOff>81759</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flipV="1">
          <a:off x="13703300" y="16863769"/>
          <a:ext cx="889000" cy="20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2264</xdr:rowOff>
    </xdr:from>
    <xdr:to>
      <xdr:col>76</xdr:col>
      <xdr:colOff>165100</xdr:colOff>
      <xdr:row>98</xdr:row>
      <xdr:rowOff>113864</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4541500" y="1681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04991</xdr:rowOff>
    </xdr:from>
    <xdr:ext cx="534377"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4325111" y="16907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81759</xdr:rowOff>
    </xdr:from>
    <xdr:to>
      <xdr:col>71</xdr:col>
      <xdr:colOff>177800</xdr:colOff>
      <xdr:row>98</xdr:row>
      <xdr:rowOff>85088</xdr:rowOff>
    </xdr:to>
    <xdr:cxnSp macro="">
      <xdr:nvCxnSpPr>
        <xdr:cNvPr id="697" name="直線コネクタ 696">
          <a:extLst>
            <a:ext uri="{FF2B5EF4-FFF2-40B4-BE49-F238E27FC236}">
              <a16:creationId xmlns:a16="http://schemas.microsoft.com/office/drawing/2014/main" id="{00000000-0008-0000-0600-0000B9020000}"/>
            </a:ext>
          </a:extLst>
        </xdr:cNvPr>
        <xdr:cNvCxnSpPr/>
      </xdr:nvCxnSpPr>
      <xdr:spPr>
        <a:xfrm flipV="1">
          <a:off x="12814300" y="16883859"/>
          <a:ext cx="889000" cy="3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2175</xdr:rowOff>
    </xdr:from>
    <xdr:to>
      <xdr:col>72</xdr:col>
      <xdr:colOff>38100</xdr:colOff>
      <xdr:row>98</xdr:row>
      <xdr:rowOff>133775</xdr:rowOff>
    </xdr:to>
    <xdr:sp macro="" textlink="">
      <xdr:nvSpPr>
        <xdr:cNvPr id="698" name="フローチャート: 判断 697">
          <a:extLst>
            <a:ext uri="{FF2B5EF4-FFF2-40B4-BE49-F238E27FC236}">
              <a16:creationId xmlns:a16="http://schemas.microsoft.com/office/drawing/2014/main" id="{00000000-0008-0000-0600-0000BA020000}"/>
            </a:ext>
          </a:extLst>
        </xdr:cNvPr>
        <xdr:cNvSpPr/>
      </xdr:nvSpPr>
      <xdr:spPr>
        <a:xfrm>
          <a:off x="13652500" y="1683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24902</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3436111" y="16927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6999</xdr:rowOff>
    </xdr:from>
    <xdr:to>
      <xdr:col>67</xdr:col>
      <xdr:colOff>101600</xdr:colOff>
      <xdr:row>98</xdr:row>
      <xdr:rowOff>97149</xdr:rowOff>
    </xdr:to>
    <xdr:sp macro="" textlink="">
      <xdr:nvSpPr>
        <xdr:cNvPr id="700" name="フローチャート: 判断 699">
          <a:extLst>
            <a:ext uri="{FF2B5EF4-FFF2-40B4-BE49-F238E27FC236}">
              <a16:creationId xmlns:a16="http://schemas.microsoft.com/office/drawing/2014/main" id="{00000000-0008-0000-0600-0000BC020000}"/>
            </a:ext>
          </a:extLst>
        </xdr:cNvPr>
        <xdr:cNvSpPr/>
      </xdr:nvSpPr>
      <xdr:spPr>
        <a:xfrm>
          <a:off x="12763500" y="16797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13676</xdr:rowOff>
    </xdr:from>
    <xdr:ext cx="534377"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2547111" y="16572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1422</xdr:rowOff>
    </xdr:from>
    <xdr:to>
      <xdr:col>85</xdr:col>
      <xdr:colOff>177800</xdr:colOff>
      <xdr:row>98</xdr:row>
      <xdr:rowOff>123022</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6268700" y="16823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28894</xdr:rowOff>
    </xdr:from>
    <xdr:ext cx="534377" cy="259045"/>
    <xdr:sp macro="" textlink="">
      <xdr:nvSpPr>
        <xdr:cNvPr id="708" name="積立金該当値テキスト">
          <a:extLst>
            <a:ext uri="{FF2B5EF4-FFF2-40B4-BE49-F238E27FC236}">
              <a16:creationId xmlns:a16="http://schemas.microsoft.com/office/drawing/2014/main" id="{00000000-0008-0000-0600-0000C4020000}"/>
            </a:ext>
          </a:extLst>
        </xdr:cNvPr>
        <xdr:cNvSpPr txBox="1"/>
      </xdr:nvSpPr>
      <xdr:spPr>
        <a:xfrm>
          <a:off x="16370300" y="16759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0482</xdr:rowOff>
    </xdr:from>
    <xdr:to>
      <xdr:col>81</xdr:col>
      <xdr:colOff>101600</xdr:colOff>
      <xdr:row>98</xdr:row>
      <xdr:rowOff>60632</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5430500" y="16761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77159</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5214111" y="16536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0869</xdr:rowOff>
    </xdr:from>
    <xdr:to>
      <xdr:col>76</xdr:col>
      <xdr:colOff>165100</xdr:colOff>
      <xdr:row>98</xdr:row>
      <xdr:rowOff>112469</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4541500" y="16812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28996</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4325111" y="16588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30959</xdr:rowOff>
    </xdr:from>
    <xdr:to>
      <xdr:col>72</xdr:col>
      <xdr:colOff>38100</xdr:colOff>
      <xdr:row>98</xdr:row>
      <xdr:rowOff>132559</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3652500" y="16833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49086</xdr:rowOff>
    </xdr:from>
    <xdr:ext cx="534377"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3436111" y="16608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4288</xdr:rowOff>
    </xdr:from>
    <xdr:to>
      <xdr:col>67</xdr:col>
      <xdr:colOff>101600</xdr:colOff>
      <xdr:row>98</xdr:row>
      <xdr:rowOff>135888</xdr:rowOff>
    </xdr:to>
    <xdr:sp macro="" textlink="">
      <xdr:nvSpPr>
        <xdr:cNvPr id="715" name="楕円 714">
          <a:extLst>
            <a:ext uri="{FF2B5EF4-FFF2-40B4-BE49-F238E27FC236}">
              <a16:creationId xmlns:a16="http://schemas.microsoft.com/office/drawing/2014/main" id="{00000000-0008-0000-0600-0000CB020000}"/>
            </a:ext>
          </a:extLst>
        </xdr:cNvPr>
        <xdr:cNvSpPr/>
      </xdr:nvSpPr>
      <xdr:spPr>
        <a:xfrm>
          <a:off x="12763500" y="16836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27015</xdr:rowOff>
    </xdr:from>
    <xdr:ext cx="534377"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2547111" y="16929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a:extLst>
            <a:ext uri="{FF2B5EF4-FFF2-40B4-BE49-F238E27FC236}">
              <a16:creationId xmlns:a16="http://schemas.microsoft.com/office/drawing/2014/main" id="{00000000-0008-0000-06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10530</xdr:rowOff>
    </xdr:from>
    <xdr:to>
      <xdr:col>116</xdr:col>
      <xdr:colOff>62864</xdr:colOff>
      <xdr:row>38</xdr:row>
      <xdr:rowOff>13970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flipV="1">
          <a:off x="22159595" y="5254030"/>
          <a:ext cx="1269" cy="1400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9" name="投資及び出資金最小値テキスト">
          <a:extLst>
            <a:ext uri="{FF2B5EF4-FFF2-40B4-BE49-F238E27FC236}">
              <a16:creationId xmlns:a16="http://schemas.microsoft.com/office/drawing/2014/main" id="{00000000-0008-0000-0600-0000E3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7207</xdr:rowOff>
    </xdr:from>
    <xdr:ext cx="534377" cy="259045"/>
    <xdr:sp macro="" textlink="">
      <xdr:nvSpPr>
        <xdr:cNvPr id="741" name="投資及び出資金最大値テキスト">
          <a:extLst>
            <a:ext uri="{FF2B5EF4-FFF2-40B4-BE49-F238E27FC236}">
              <a16:creationId xmlns:a16="http://schemas.microsoft.com/office/drawing/2014/main" id="{00000000-0008-0000-0600-0000E5020000}"/>
            </a:ext>
          </a:extLst>
        </xdr:cNvPr>
        <xdr:cNvSpPr txBox="1"/>
      </xdr:nvSpPr>
      <xdr:spPr>
        <a:xfrm>
          <a:off x="22212300" y="5029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10530</xdr:rowOff>
    </xdr:from>
    <xdr:to>
      <xdr:col>116</xdr:col>
      <xdr:colOff>152400</xdr:colOff>
      <xdr:row>30</xdr:row>
      <xdr:rowOff>11053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2072600" y="5254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94861</xdr:rowOff>
    </xdr:from>
    <xdr:ext cx="469744" cy="259045"/>
    <xdr:sp macro="" textlink="">
      <xdr:nvSpPr>
        <xdr:cNvPr id="744" name="投資及び出資金平均値テキスト">
          <a:extLst>
            <a:ext uri="{FF2B5EF4-FFF2-40B4-BE49-F238E27FC236}">
              <a16:creationId xmlns:a16="http://schemas.microsoft.com/office/drawing/2014/main" id="{00000000-0008-0000-0600-0000E8020000}"/>
            </a:ext>
          </a:extLst>
        </xdr:cNvPr>
        <xdr:cNvSpPr txBox="1"/>
      </xdr:nvSpPr>
      <xdr:spPr>
        <a:xfrm>
          <a:off x="22212300" y="62670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1984</xdr:rowOff>
    </xdr:from>
    <xdr:to>
      <xdr:col>116</xdr:col>
      <xdr:colOff>114300</xdr:colOff>
      <xdr:row>38</xdr:row>
      <xdr:rowOff>2133</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2110700" y="641563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3655</xdr:rowOff>
    </xdr:from>
    <xdr:to>
      <xdr:col>112</xdr:col>
      <xdr:colOff>38100</xdr:colOff>
      <xdr:row>38</xdr:row>
      <xdr:rowOff>23805</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1272500" y="6437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40332</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088428" y="6212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93838</xdr:rowOff>
    </xdr:from>
    <xdr:to>
      <xdr:col>107</xdr:col>
      <xdr:colOff>101600</xdr:colOff>
      <xdr:row>38</xdr:row>
      <xdr:rowOff>23988</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20383500" y="643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0515</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199428" y="6212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2" name="直線コネクタ 751">
          <a:extLst>
            <a:ext uri="{FF2B5EF4-FFF2-40B4-BE49-F238E27FC236}">
              <a16:creationId xmlns:a16="http://schemas.microsoft.com/office/drawing/2014/main" id="{00000000-0008-0000-0600-0000F0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21819</xdr:rowOff>
    </xdr:from>
    <xdr:to>
      <xdr:col>102</xdr:col>
      <xdr:colOff>165100</xdr:colOff>
      <xdr:row>38</xdr:row>
      <xdr:rowOff>51969</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19494500" y="64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68496</xdr:rowOff>
    </xdr:from>
    <xdr:ext cx="469744"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10428" y="6240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55834</xdr:rowOff>
    </xdr:from>
    <xdr:to>
      <xdr:col>98</xdr:col>
      <xdr:colOff>38100</xdr:colOff>
      <xdr:row>38</xdr:row>
      <xdr:rowOff>85984</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186055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02511</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21428" y="627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3" name="投資及び出資金該当値テキスト">
          <a:extLst>
            <a:ext uri="{FF2B5EF4-FFF2-40B4-BE49-F238E27FC236}">
              <a16:creationId xmlns:a16="http://schemas.microsoft.com/office/drawing/2014/main" id="{00000000-0008-0000-0600-0000FB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a:extLst>
            <a:ext uri="{FF2B5EF4-FFF2-40B4-BE49-F238E27FC236}">
              <a16:creationId xmlns:a16="http://schemas.microsoft.com/office/drawing/2014/main" id="{00000000-0008-0000-06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40792</xdr:rowOff>
    </xdr:from>
    <xdr:to>
      <xdr:col>116</xdr:col>
      <xdr:colOff>62864</xdr:colOff>
      <xdr:row>59</xdr:row>
      <xdr:rowOff>4445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22159595" y="8784742"/>
          <a:ext cx="1269" cy="1375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6" name="貸付金最小値テキスト">
          <a:extLst>
            <a:ext uri="{FF2B5EF4-FFF2-40B4-BE49-F238E27FC236}">
              <a16:creationId xmlns:a16="http://schemas.microsoft.com/office/drawing/2014/main" id="{00000000-0008-0000-0600-00001C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8919</xdr:rowOff>
    </xdr:from>
    <xdr:ext cx="534377" cy="259045"/>
    <xdr:sp macro="" textlink="">
      <xdr:nvSpPr>
        <xdr:cNvPr id="798" name="貸付金最大値テキスト">
          <a:extLst>
            <a:ext uri="{FF2B5EF4-FFF2-40B4-BE49-F238E27FC236}">
              <a16:creationId xmlns:a16="http://schemas.microsoft.com/office/drawing/2014/main" id="{00000000-0008-0000-0600-00001E030000}"/>
            </a:ext>
          </a:extLst>
        </xdr:cNvPr>
        <xdr:cNvSpPr txBox="1"/>
      </xdr:nvSpPr>
      <xdr:spPr>
        <a:xfrm>
          <a:off x="22212300" y="8559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40792</xdr:rowOff>
    </xdr:from>
    <xdr:to>
      <xdr:col>116</xdr:col>
      <xdr:colOff>152400</xdr:colOff>
      <xdr:row>51</xdr:row>
      <xdr:rowOff>40792</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2072600" y="87847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40157</xdr:rowOff>
    </xdr:from>
    <xdr:to>
      <xdr:col>116</xdr:col>
      <xdr:colOff>63500</xdr:colOff>
      <xdr:row>58</xdr:row>
      <xdr:rowOff>147701</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21323300" y="10084257"/>
          <a:ext cx="838200" cy="7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4368</xdr:rowOff>
    </xdr:from>
    <xdr:ext cx="378565" cy="259045"/>
    <xdr:sp macro="" textlink="">
      <xdr:nvSpPr>
        <xdr:cNvPr id="801" name="貸付金平均値テキスト">
          <a:extLst>
            <a:ext uri="{FF2B5EF4-FFF2-40B4-BE49-F238E27FC236}">
              <a16:creationId xmlns:a16="http://schemas.microsoft.com/office/drawing/2014/main" id="{00000000-0008-0000-0600-000021030000}"/>
            </a:ext>
          </a:extLst>
        </xdr:cNvPr>
        <xdr:cNvSpPr txBox="1"/>
      </xdr:nvSpPr>
      <xdr:spPr>
        <a:xfrm>
          <a:off x="22212300" y="988701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1491</xdr:rowOff>
    </xdr:from>
    <xdr:to>
      <xdr:col>116</xdr:col>
      <xdr:colOff>114300</xdr:colOff>
      <xdr:row>59</xdr:row>
      <xdr:rowOff>21641</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2110700" y="1003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40157</xdr:rowOff>
    </xdr:from>
    <xdr:to>
      <xdr:col>111</xdr:col>
      <xdr:colOff>177800</xdr:colOff>
      <xdr:row>58</xdr:row>
      <xdr:rowOff>140538</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flipV="1">
          <a:off x="20434300" y="10084257"/>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2118</xdr:rowOff>
    </xdr:from>
    <xdr:to>
      <xdr:col>112</xdr:col>
      <xdr:colOff>38100</xdr:colOff>
      <xdr:row>59</xdr:row>
      <xdr:rowOff>12268</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1272500" y="10026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8795</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088428" y="9801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40538</xdr:rowOff>
    </xdr:from>
    <xdr:to>
      <xdr:col>107</xdr:col>
      <xdr:colOff>50800</xdr:colOff>
      <xdr:row>58</xdr:row>
      <xdr:rowOff>157150</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flipV="1">
          <a:off x="19545300" y="10084638"/>
          <a:ext cx="889000" cy="16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4839</xdr:rowOff>
    </xdr:from>
    <xdr:to>
      <xdr:col>107</xdr:col>
      <xdr:colOff>101600</xdr:colOff>
      <xdr:row>58</xdr:row>
      <xdr:rowOff>156439</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203835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516</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0199428" y="9774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57150</xdr:rowOff>
    </xdr:from>
    <xdr:to>
      <xdr:col>102</xdr:col>
      <xdr:colOff>114300</xdr:colOff>
      <xdr:row>58</xdr:row>
      <xdr:rowOff>168275</xdr:rowOff>
    </xdr:to>
    <xdr:cxnSp macro="">
      <xdr:nvCxnSpPr>
        <xdr:cNvPr id="809" name="直線コネクタ 808">
          <a:extLst>
            <a:ext uri="{FF2B5EF4-FFF2-40B4-BE49-F238E27FC236}">
              <a16:creationId xmlns:a16="http://schemas.microsoft.com/office/drawing/2014/main" id="{00000000-0008-0000-0600-000029030000}"/>
            </a:ext>
          </a:extLst>
        </xdr:cNvPr>
        <xdr:cNvCxnSpPr/>
      </xdr:nvCxnSpPr>
      <xdr:spPr>
        <a:xfrm flipV="1">
          <a:off x="18656300" y="10101250"/>
          <a:ext cx="889000" cy="11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2611</xdr:rowOff>
    </xdr:from>
    <xdr:to>
      <xdr:col>102</xdr:col>
      <xdr:colOff>165100</xdr:colOff>
      <xdr:row>58</xdr:row>
      <xdr:rowOff>164211</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19494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9288</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10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9944</xdr:rowOff>
    </xdr:from>
    <xdr:to>
      <xdr:col>98</xdr:col>
      <xdr:colOff>38100</xdr:colOff>
      <xdr:row>58</xdr:row>
      <xdr:rowOff>161544</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18605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6621</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21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6901</xdr:rowOff>
    </xdr:from>
    <xdr:to>
      <xdr:col>116</xdr:col>
      <xdr:colOff>114300</xdr:colOff>
      <xdr:row>59</xdr:row>
      <xdr:rowOff>27051</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22110700" y="10041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9918</xdr:rowOff>
    </xdr:from>
    <xdr:ext cx="378565" cy="259045"/>
    <xdr:sp macro="" textlink="">
      <xdr:nvSpPr>
        <xdr:cNvPr id="820" name="貸付金該当値テキスト">
          <a:extLst>
            <a:ext uri="{FF2B5EF4-FFF2-40B4-BE49-F238E27FC236}">
              <a16:creationId xmlns:a16="http://schemas.microsoft.com/office/drawing/2014/main" id="{00000000-0008-0000-0600-000034030000}"/>
            </a:ext>
          </a:extLst>
        </xdr:cNvPr>
        <xdr:cNvSpPr txBox="1"/>
      </xdr:nvSpPr>
      <xdr:spPr>
        <a:xfrm>
          <a:off x="22212300" y="100140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89357</xdr:rowOff>
    </xdr:from>
    <xdr:to>
      <xdr:col>112</xdr:col>
      <xdr:colOff>38100</xdr:colOff>
      <xdr:row>59</xdr:row>
      <xdr:rowOff>19507</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1272500" y="10033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10634</xdr:rowOff>
    </xdr:from>
    <xdr:ext cx="378565"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21134017" y="101261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89738</xdr:rowOff>
    </xdr:from>
    <xdr:to>
      <xdr:col>107</xdr:col>
      <xdr:colOff>101600</xdr:colOff>
      <xdr:row>59</xdr:row>
      <xdr:rowOff>19888</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0383500" y="10033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11015</xdr:rowOff>
    </xdr:from>
    <xdr:ext cx="378565"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0245017" y="101265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06350</xdr:rowOff>
    </xdr:from>
    <xdr:to>
      <xdr:col>102</xdr:col>
      <xdr:colOff>165100</xdr:colOff>
      <xdr:row>59</xdr:row>
      <xdr:rowOff>36500</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19494500" y="1005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27627</xdr:rowOff>
    </xdr:from>
    <xdr:ext cx="378565"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9356017" y="101431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17475</xdr:rowOff>
    </xdr:from>
    <xdr:to>
      <xdr:col>98</xdr:col>
      <xdr:colOff>38100</xdr:colOff>
      <xdr:row>59</xdr:row>
      <xdr:rowOff>47625</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18605500" y="10061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38752</xdr:rowOff>
    </xdr:from>
    <xdr:ext cx="378565"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8467017" y="101543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a:extLst>
            <a:ext uri="{FF2B5EF4-FFF2-40B4-BE49-F238E27FC236}">
              <a16:creationId xmlns:a16="http://schemas.microsoft.com/office/drawing/2014/main" id="{00000000-0008-0000-0600-000054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44050</xdr:rowOff>
    </xdr:from>
    <xdr:to>
      <xdr:col>116</xdr:col>
      <xdr:colOff>62864</xdr:colOff>
      <xdr:row>78</xdr:row>
      <xdr:rowOff>139224</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flipV="1">
          <a:off x="22159595" y="12045550"/>
          <a:ext cx="1269" cy="14667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43051</xdr:rowOff>
    </xdr:from>
    <xdr:ext cx="534377" cy="259045"/>
    <xdr:sp macro="" textlink="">
      <xdr:nvSpPr>
        <xdr:cNvPr id="854" name="繰出金最小値テキスト">
          <a:extLst>
            <a:ext uri="{FF2B5EF4-FFF2-40B4-BE49-F238E27FC236}">
              <a16:creationId xmlns:a16="http://schemas.microsoft.com/office/drawing/2014/main" id="{00000000-0008-0000-0600-000056030000}"/>
            </a:ext>
          </a:extLst>
        </xdr:cNvPr>
        <xdr:cNvSpPr txBox="1"/>
      </xdr:nvSpPr>
      <xdr:spPr>
        <a:xfrm>
          <a:off x="22212300" y="13516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9224</xdr:rowOff>
    </xdr:from>
    <xdr:to>
      <xdr:col>116</xdr:col>
      <xdr:colOff>152400</xdr:colOff>
      <xdr:row>78</xdr:row>
      <xdr:rowOff>139224</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2072600" y="13512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62177</xdr:rowOff>
    </xdr:from>
    <xdr:ext cx="599010" cy="259045"/>
    <xdr:sp macro="" textlink="">
      <xdr:nvSpPr>
        <xdr:cNvPr id="856" name="繰出金最大値テキスト">
          <a:extLst>
            <a:ext uri="{FF2B5EF4-FFF2-40B4-BE49-F238E27FC236}">
              <a16:creationId xmlns:a16="http://schemas.microsoft.com/office/drawing/2014/main" id="{00000000-0008-0000-0600-000058030000}"/>
            </a:ext>
          </a:extLst>
        </xdr:cNvPr>
        <xdr:cNvSpPr txBox="1"/>
      </xdr:nvSpPr>
      <xdr:spPr>
        <a:xfrm>
          <a:off x="22212300" y="118207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44050</xdr:rowOff>
    </xdr:from>
    <xdr:to>
      <xdr:col>116</xdr:col>
      <xdr:colOff>152400</xdr:colOff>
      <xdr:row>70</xdr:row>
      <xdr:rowOff>4405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2072600" y="12045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30144</xdr:rowOff>
    </xdr:from>
    <xdr:to>
      <xdr:col>116</xdr:col>
      <xdr:colOff>63500</xdr:colOff>
      <xdr:row>76</xdr:row>
      <xdr:rowOff>46983</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flipV="1">
          <a:off x="21323300" y="13060344"/>
          <a:ext cx="838200" cy="16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48614</xdr:rowOff>
    </xdr:from>
    <xdr:ext cx="534377" cy="259045"/>
    <xdr:sp macro="" textlink="">
      <xdr:nvSpPr>
        <xdr:cNvPr id="859" name="繰出金平均値テキスト">
          <a:extLst>
            <a:ext uri="{FF2B5EF4-FFF2-40B4-BE49-F238E27FC236}">
              <a16:creationId xmlns:a16="http://schemas.microsoft.com/office/drawing/2014/main" id="{00000000-0008-0000-0600-00005B030000}"/>
            </a:ext>
          </a:extLst>
        </xdr:cNvPr>
        <xdr:cNvSpPr txBox="1"/>
      </xdr:nvSpPr>
      <xdr:spPr>
        <a:xfrm>
          <a:off x="22212300" y="131788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70187</xdr:rowOff>
    </xdr:from>
    <xdr:to>
      <xdr:col>116</xdr:col>
      <xdr:colOff>114300</xdr:colOff>
      <xdr:row>77</xdr:row>
      <xdr:rowOff>100337</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22110700" y="13200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46983</xdr:rowOff>
    </xdr:from>
    <xdr:to>
      <xdr:col>111</xdr:col>
      <xdr:colOff>177800</xdr:colOff>
      <xdr:row>76</xdr:row>
      <xdr:rowOff>51366</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20434300" y="13077183"/>
          <a:ext cx="889000" cy="4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16320</xdr:rowOff>
    </xdr:from>
    <xdr:to>
      <xdr:col>112</xdr:col>
      <xdr:colOff>38100</xdr:colOff>
      <xdr:row>77</xdr:row>
      <xdr:rowOff>117920</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1272500" y="1321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09047</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3310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51366</xdr:rowOff>
    </xdr:from>
    <xdr:to>
      <xdr:col>107</xdr:col>
      <xdr:colOff>50800</xdr:colOff>
      <xdr:row>76</xdr:row>
      <xdr:rowOff>81883</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flipV="1">
          <a:off x="19545300" y="13081566"/>
          <a:ext cx="889000" cy="30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6795</xdr:rowOff>
    </xdr:from>
    <xdr:to>
      <xdr:col>107</xdr:col>
      <xdr:colOff>101600</xdr:colOff>
      <xdr:row>77</xdr:row>
      <xdr:rowOff>108395</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20383500" y="1320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99522</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0167111" y="13301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54014</xdr:rowOff>
    </xdr:from>
    <xdr:to>
      <xdr:col>102</xdr:col>
      <xdr:colOff>114300</xdr:colOff>
      <xdr:row>76</xdr:row>
      <xdr:rowOff>81883</xdr:rowOff>
    </xdr:to>
    <xdr:cxnSp macro="">
      <xdr:nvCxnSpPr>
        <xdr:cNvPr id="867" name="直線コネクタ 866">
          <a:extLst>
            <a:ext uri="{FF2B5EF4-FFF2-40B4-BE49-F238E27FC236}">
              <a16:creationId xmlns:a16="http://schemas.microsoft.com/office/drawing/2014/main" id="{00000000-0008-0000-0600-000063030000}"/>
            </a:ext>
          </a:extLst>
        </xdr:cNvPr>
        <xdr:cNvCxnSpPr/>
      </xdr:nvCxnSpPr>
      <xdr:spPr>
        <a:xfrm>
          <a:off x="18656300" y="13084214"/>
          <a:ext cx="889000" cy="27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46698</xdr:rowOff>
    </xdr:from>
    <xdr:to>
      <xdr:col>102</xdr:col>
      <xdr:colOff>165100</xdr:colOff>
      <xdr:row>77</xdr:row>
      <xdr:rowOff>76848</xdr:rowOff>
    </xdr:to>
    <xdr:sp macro="" textlink="">
      <xdr:nvSpPr>
        <xdr:cNvPr id="868" name="フローチャート: 判断 867">
          <a:extLst>
            <a:ext uri="{FF2B5EF4-FFF2-40B4-BE49-F238E27FC236}">
              <a16:creationId xmlns:a16="http://schemas.microsoft.com/office/drawing/2014/main" id="{00000000-0008-0000-0600-000064030000}"/>
            </a:ext>
          </a:extLst>
        </xdr:cNvPr>
        <xdr:cNvSpPr/>
      </xdr:nvSpPr>
      <xdr:spPr>
        <a:xfrm>
          <a:off x="19494500" y="131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67975</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278111" y="13269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20656</xdr:rowOff>
    </xdr:from>
    <xdr:to>
      <xdr:col>98</xdr:col>
      <xdr:colOff>38100</xdr:colOff>
      <xdr:row>77</xdr:row>
      <xdr:rowOff>50806</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18605500" y="13150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41933</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8389111" y="13243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50794</xdr:rowOff>
    </xdr:from>
    <xdr:to>
      <xdr:col>116</xdr:col>
      <xdr:colOff>114300</xdr:colOff>
      <xdr:row>76</xdr:row>
      <xdr:rowOff>80944</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22110700" y="13009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2220</xdr:rowOff>
    </xdr:from>
    <xdr:ext cx="534377" cy="259045"/>
    <xdr:sp macro="" textlink="">
      <xdr:nvSpPr>
        <xdr:cNvPr id="878" name="繰出金該当値テキスト">
          <a:extLst>
            <a:ext uri="{FF2B5EF4-FFF2-40B4-BE49-F238E27FC236}">
              <a16:creationId xmlns:a16="http://schemas.microsoft.com/office/drawing/2014/main" id="{00000000-0008-0000-0600-00006E030000}"/>
            </a:ext>
          </a:extLst>
        </xdr:cNvPr>
        <xdr:cNvSpPr txBox="1"/>
      </xdr:nvSpPr>
      <xdr:spPr>
        <a:xfrm>
          <a:off x="22212300" y="12860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67633</xdr:rowOff>
    </xdr:from>
    <xdr:to>
      <xdr:col>112</xdr:col>
      <xdr:colOff>38100</xdr:colOff>
      <xdr:row>76</xdr:row>
      <xdr:rowOff>97783</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1272500" y="13026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14311</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21056111" y="12801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566</xdr:rowOff>
    </xdr:from>
    <xdr:to>
      <xdr:col>107</xdr:col>
      <xdr:colOff>101600</xdr:colOff>
      <xdr:row>76</xdr:row>
      <xdr:rowOff>102166</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0383500" y="13030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18692</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0167111" y="12805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31083</xdr:rowOff>
    </xdr:from>
    <xdr:to>
      <xdr:col>102</xdr:col>
      <xdr:colOff>165100</xdr:colOff>
      <xdr:row>76</xdr:row>
      <xdr:rowOff>132683</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19494500" y="13061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49210</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9278111" y="12836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3214</xdr:rowOff>
    </xdr:from>
    <xdr:to>
      <xdr:col>98</xdr:col>
      <xdr:colOff>38100</xdr:colOff>
      <xdr:row>76</xdr:row>
      <xdr:rowOff>104814</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18605500" y="13033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21340</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389111" y="12808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a:extLst>
            <a:ext uri="{FF2B5EF4-FFF2-40B4-BE49-F238E27FC236}">
              <a16:creationId xmlns:a16="http://schemas.microsoft.com/office/drawing/2014/main" id="{00000000-0008-0000-0600-000085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a:extLst>
            <a:ext uri="{FF2B5EF4-FFF2-40B4-BE49-F238E27FC236}">
              <a16:creationId xmlns:a16="http://schemas.microsoft.com/office/drawing/2014/main" id="{00000000-0008-0000-0600-000087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a:extLst>
            <a:ext uri="{FF2B5EF4-FFF2-40B4-BE49-F238E27FC236}">
              <a16:creationId xmlns:a16="http://schemas.microsoft.com/office/drawing/2014/main" id="{00000000-0008-0000-0600-000089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a:extLst>
            <a:ext uri="{FF2B5EF4-FFF2-40B4-BE49-F238E27FC236}">
              <a16:creationId xmlns:a16="http://schemas.microsoft.com/office/drawing/2014/main" id="{00000000-0008-0000-0600-00008C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a:extLst>
            <a:ext uri="{FF2B5EF4-FFF2-40B4-BE49-F238E27FC236}">
              <a16:creationId xmlns:a16="http://schemas.microsoft.com/office/drawing/2014/main" id="{00000000-0008-0000-0600-000095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a:extLst>
            <a:ext uri="{FF2B5EF4-FFF2-40B4-BE49-F238E27FC236}">
              <a16:creationId xmlns:a16="http://schemas.microsoft.com/office/drawing/2014/main" id="{00000000-0008-0000-0600-00009F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a:extLst>
            <a:ext uri="{FF2B5EF4-FFF2-40B4-BE49-F238E27FC236}">
              <a16:creationId xmlns:a16="http://schemas.microsoft.com/office/drawing/2014/main" id="{00000000-0008-0000-0600-0000A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a:extLst>
            <a:ext uri="{FF2B5EF4-FFF2-40B4-BE49-F238E27FC236}">
              <a16:creationId xmlns:a16="http://schemas.microsoft.com/office/drawing/2014/main" id="{00000000-0008-0000-0600-0000A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a:extLst>
            <a:ext uri="{FF2B5EF4-FFF2-40B4-BE49-F238E27FC236}">
              <a16:creationId xmlns:a16="http://schemas.microsoft.com/office/drawing/2014/main" id="{00000000-0008-0000-0600-0000A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年度において大きく変動しているものは、</a:t>
          </a:r>
          <a:r>
            <a:rPr kumimoji="1" lang="en-US" altLang="ja-JP" sz="1300">
              <a:latin typeface="ＭＳ Ｐゴシック" panose="020B0600070205080204" pitchFamily="50" charset="-128"/>
              <a:ea typeface="ＭＳ Ｐゴシック" panose="020B0600070205080204" pitchFamily="50" charset="-128"/>
            </a:rPr>
            <a:t>7,605</a:t>
          </a:r>
          <a:r>
            <a:rPr kumimoji="1" lang="ja-JP" altLang="en-US" sz="1300">
              <a:latin typeface="ＭＳ Ｐゴシック" panose="020B0600070205080204" pitchFamily="50" charset="-128"/>
              <a:ea typeface="ＭＳ Ｐゴシック" panose="020B0600070205080204" pitchFamily="50" charset="-128"/>
            </a:rPr>
            <a:t>円（</a:t>
          </a:r>
          <a:r>
            <a:rPr kumimoji="1" lang="en-US" altLang="ja-JP" sz="1300">
              <a:latin typeface="ＭＳ Ｐゴシック" panose="020B0600070205080204" pitchFamily="50" charset="-128"/>
              <a:ea typeface="ＭＳ Ｐゴシック" panose="020B0600070205080204" pitchFamily="50" charset="-128"/>
            </a:rPr>
            <a:t>71.0</a:t>
          </a:r>
          <a:r>
            <a:rPr kumimoji="1" lang="ja-JP" altLang="en-US" sz="1300">
              <a:latin typeface="ＭＳ Ｐゴシック" panose="020B0600070205080204" pitchFamily="50" charset="-128"/>
              <a:ea typeface="ＭＳ Ｐゴシック" panose="020B0600070205080204" pitchFamily="50" charset="-128"/>
            </a:rPr>
            <a:t>％）の増となっている普通建設事業費、</a:t>
          </a:r>
          <a:r>
            <a:rPr kumimoji="1" lang="en-US" altLang="ja-JP" sz="1300">
              <a:latin typeface="ＭＳ Ｐゴシック" panose="020B0600070205080204" pitchFamily="50" charset="-128"/>
              <a:ea typeface="ＭＳ Ｐゴシック" panose="020B0600070205080204" pitchFamily="50" charset="-128"/>
            </a:rPr>
            <a:t>5,688</a:t>
          </a:r>
          <a:r>
            <a:rPr kumimoji="1" lang="ja-JP" altLang="en-US" sz="1300">
              <a:latin typeface="ＭＳ Ｐゴシック" panose="020B0600070205080204" pitchFamily="50" charset="-128"/>
              <a:ea typeface="ＭＳ Ｐゴシック" panose="020B0600070205080204" pitchFamily="50" charset="-128"/>
            </a:rPr>
            <a:t>円（</a:t>
          </a:r>
          <a:r>
            <a:rPr kumimoji="1" lang="en-US" altLang="ja-JP" sz="1300">
              <a:latin typeface="ＭＳ Ｐゴシック" panose="020B0600070205080204" pitchFamily="50" charset="-128"/>
              <a:ea typeface="ＭＳ Ｐゴシック" panose="020B0600070205080204" pitchFamily="50" charset="-128"/>
            </a:rPr>
            <a:t>25.4</a:t>
          </a:r>
          <a:r>
            <a:rPr kumimoji="1" lang="ja-JP" altLang="en-US" sz="1300">
              <a:latin typeface="ＭＳ Ｐゴシック" panose="020B0600070205080204" pitchFamily="50" charset="-128"/>
              <a:ea typeface="ＭＳ Ｐゴシック" panose="020B0600070205080204" pitchFamily="50" charset="-128"/>
            </a:rPr>
            <a:t>％）の増となっている補助費等、</a:t>
          </a:r>
          <a:r>
            <a:rPr kumimoji="1" lang="en-US" altLang="ja-JP" sz="1300">
              <a:latin typeface="ＭＳ Ｐゴシック" panose="020B0600070205080204" pitchFamily="50" charset="-128"/>
              <a:ea typeface="ＭＳ Ｐゴシック" panose="020B0600070205080204" pitchFamily="50" charset="-128"/>
            </a:rPr>
            <a:t>13,646</a:t>
          </a:r>
          <a:r>
            <a:rPr kumimoji="1" lang="ja-JP" altLang="en-US" sz="1300">
              <a:latin typeface="ＭＳ Ｐゴシック" panose="020B0600070205080204" pitchFamily="50" charset="-128"/>
              <a:ea typeface="ＭＳ Ｐゴシック" panose="020B0600070205080204" pitchFamily="50" charset="-128"/>
            </a:rPr>
            <a:t>円の減（△</a:t>
          </a:r>
          <a:r>
            <a:rPr kumimoji="1" lang="en-US" altLang="ja-JP" sz="1300">
              <a:latin typeface="ＭＳ Ｐゴシック" panose="020B0600070205080204" pitchFamily="50" charset="-128"/>
              <a:ea typeface="ＭＳ Ｐゴシック" panose="020B0600070205080204" pitchFamily="50" charset="-128"/>
            </a:rPr>
            <a:t>48.0</a:t>
          </a:r>
          <a:r>
            <a:rPr kumimoji="1" lang="ja-JP" altLang="en-US" sz="1300">
              <a:latin typeface="ＭＳ Ｐゴシック" panose="020B0600070205080204" pitchFamily="50" charset="-128"/>
              <a:ea typeface="ＭＳ Ｐゴシック" panose="020B0600070205080204" pitchFamily="50" charset="-128"/>
            </a:rPr>
            <a:t>％）となっている積立金などが挙げられる。普通建設事業費及び補助費等の増要因についてはそれぞれ、救助工作車の購入や体育館等改修工事、特別棟屋上防水工事、橋りょう長寿命化修繕工事等町施設の更新整備を実施したことによる増、</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市</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町共同消防指令センター運営に係る負担金の増やプレミアム付商品券発行事業の実施等による増が影響している。積立金の減要因については、庁舎等の町施設の更新に備えた各種基金（庁舎整備基金、公共施設整備基金）の積立金について、財源の確保に窮すること等から前年度に比べて減としていることが影響している。その他、光熱水費の増に伴う物件費の増や人事院勧告に伴う人件費の増など、それぞれのグラフに反映され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925
27,676
9.08
10,129,636
9,579,851
477,972
6,141,232
6,980,4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2738</xdr:rowOff>
    </xdr:from>
    <xdr:to>
      <xdr:col>24</xdr:col>
      <xdr:colOff>62865</xdr:colOff>
      <xdr:row>38</xdr:row>
      <xdr:rowOff>53975</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06238"/>
          <a:ext cx="1270" cy="1362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7802</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72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3975</xdr:rowOff>
    </xdr:from>
    <xdr:to>
      <xdr:col>24</xdr:col>
      <xdr:colOff>152400</xdr:colOff>
      <xdr:row>38</xdr:row>
      <xdr:rowOff>53975</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69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415</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81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62738</xdr:rowOff>
    </xdr:from>
    <xdr:to>
      <xdr:col>24</xdr:col>
      <xdr:colOff>152400</xdr:colOff>
      <xdr:row>30</xdr:row>
      <xdr:rowOff>62738</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06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4351</xdr:rowOff>
    </xdr:from>
    <xdr:to>
      <xdr:col>24</xdr:col>
      <xdr:colOff>63500</xdr:colOff>
      <xdr:row>34</xdr:row>
      <xdr:rowOff>22733</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843651"/>
          <a:ext cx="838200" cy="8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272</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090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845</xdr:rowOff>
    </xdr:from>
    <xdr:to>
      <xdr:col>24</xdr:col>
      <xdr:colOff>114300</xdr:colOff>
      <xdr:row>35</xdr:row>
      <xdr:rowOff>131445</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0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20066</xdr:rowOff>
    </xdr:from>
    <xdr:to>
      <xdr:col>19</xdr:col>
      <xdr:colOff>177800</xdr:colOff>
      <xdr:row>34</xdr:row>
      <xdr:rowOff>22733</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849366"/>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607</xdr:rowOff>
    </xdr:from>
    <xdr:to>
      <xdr:col>20</xdr:col>
      <xdr:colOff>38100</xdr:colOff>
      <xdr:row>35</xdr:row>
      <xdr:rowOff>132207</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3334</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2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5113</xdr:rowOff>
    </xdr:from>
    <xdr:to>
      <xdr:col>15</xdr:col>
      <xdr:colOff>50800</xdr:colOff>
      <xdr:row>34</xdr:row>
      <xdr:rowOff>20066</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844413"/>
          <a:ext cx="889000" cy="4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0988</xdr:rowOff>
    </xdr:from>
    <xdr:to>
      <xdr:col>15</xdr:col>
      <xdr:colOff>101600</xdr:colOff>
      <xdr:row>35</xdr:row>
      <xdr:rowOff>132588</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3715</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124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5113</xdr:rowOff>
    </xdr:from>
    <xdr:to>
      <xdr:col>10</xdr:col>
      <xdr:colOff>114300</xdr:colOff>
      <xdr:row>34</xdr:row>
      <xdr:rowOff>21209</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844413"/>
          <a:ext cx="8890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1290</xdr:rowOff>
    </xdr:from>
    <xdr:to>
      <xdr:col>10</xdr:col>
      <xdr:colOff>165100</xdr:colOff>
      <xdr:row>35</xdr:row>
      <xdr:rowOff>9144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256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5100</xdr:rowOff>
    </xdr:from>
    <xdr:to>
      <xdr:col>6</xdr:col>
      <xdr:colOff>38100</xdr:colOff>
      <xdr:row>35</xdr:row>
      <xdr:rowOff>95250</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86377</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35001</xdr:rowOff>
    </xdr:from>
    <xdr:to>
      <xdr:col>24</xdr:col>
      <xdr:colOff>114300</xdr:colOff>
      <xdr:row>34</xdr:row>
      <xdr:rowOff>65151</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792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57878</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644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43383</xdr:rowOff>
    </xdr:from>
    <xdr:to>
      <xdr:col>20</xdr:col>
      <xdr:colOff>38100</xdr:colOff>
      <xdr:row>34</xdr:row>
      <xdr:rowOff>73533</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801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90060</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576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40716</xdr:rowOff>
    </xdr:from>
    <xdr:to>
      <xdr:col>15</xdr:col>
      <xdr:colOff>101600</xdr:colOff>
      <xdr:row>34</xdr:row>
      <xdr:rowOff>70866</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798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87393</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573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35763</xdr:rowOff>
    </xdr:from>
    <xdr:to>
      <xdr:col>10</xdr:col>
      <xdr:colOff>165100</xdr:colOff>
      <xdr:row>34</xdr:row>
      <xdr:rowOff>65913</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79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82440</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568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1859</xdr:rowOff>
    </xdr:from>
    <xdr:to>
      <xdr:col>6</xdr:col>
      <xdr:colOff>38100</xdr:colOff>
      <xdr:row>34</xdr:row>
      <xdr:rowOff>72009</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79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88536</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574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577</xdr:rowOff>
    </xdr:from>
    <xdr:to>
      <xdr:col>24</xdr:col>
      <xdr:colOff>62865</xdr:colOff>
      <xdr:row>58</xdr:row>
      <xdr:rowOff>114737</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580077"/>
          <a:ext cx="1270" cy="1478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8564</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062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4737</xdr:rowOff>
    </xdr:from>
    <xdr:to>
      <xdr:col>24</xdr:col>
      <xdr:colOff>152400</xdr:colOff>
      <xdr:row>58</xdr:row>
      <xdr:rowOff>114737</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58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5704</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355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4,67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577</xdr:rowOff>
    </xdr:from>
    <xdr:to>
      <xdr:col>24</xdr:col>
      <xdr:colOff>152400</xdr:colOff>
      <xdr:row>50</xdr:row>
      <xdr:rowOff>7577</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58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2179</xdr:rowOff>
    </xdr:from>
    <xdr:to>
      <xdr:col>24</xdr:col>
      <xdr:colOff>63500</xdr:colOff>
      <xdr:row>58</xdr:row>
      <xdr:rowOff>18363</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956279"/>
          <a:ext cx="838200" cy="6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1706</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6929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8829</xdr:rowOff>
    </xdr:from>
    <xdr:to>
      <xdr:col>24</xdr:col>
      <xdr:colOff>114300</xdr:colOff>
      <xdr:row>57</xdr:row>
      <xdr:rowOff>170429</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841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43891</xdr:rowOff>
    </xdr:from>
    <xdr:to>
      <xdr:col>19</xdr:col>
      <xdr:colOff>177800</xdr:colOff>
      <xdr:row>58</xdr:row>
      <xdr:rowOff>12179</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9573641"/>
          <a:ext cx="889000" cy="382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60892</xdr:rowOff>
    </xdr:from>
    <xdr:to>
      <xdr:col>20</xdr:col>
      <xdr:colOff>38100</xdr:colOff>
      <xdr:row>57</xdr:row>
      <xdr:rowOff>162492</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83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569</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608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43891</xdr:rowOff>
    </xdr:from>
    <xdr:to>
      <xdr:col>15</xdr:col>
      <xdr:colOff>50800</xdr:colOff>
      <xdr:row>58</xdr:row>
      <xdr:rowOff>62262</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573641"/>
          <a:ext cx="889000" cy="432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7636</xdr:rowOff>
    </xdr:from>
    <xdr:to>
      <xdr:col>15</xdr:col>
      <xdr:colOff>101600</xdr:colOff>
      <xdr:row>55</xdr:row>
      <xdr:rowOff>169236</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4</xdr:row>
      <xdr:rowOff>14313</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9272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44713</xdr:rowOff>
    </xdr:from>
    <xdr:to>
      <xdr:col>10</xdr:col>
      <xdr:colOff>114300</xdr:colOff>
      <xdr:row>58</xdr:row>
      <xdr:rowOff>62262</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1130300" y="9988813"/>
          <a:ext cx="889000" cy="17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0509</xdr:rowOff>
    </xdr:from>
    <xdr:to>
      <xdr:col>10</xdr:col>
      <xdr:colOff>165100</xdr:colOff>
      <xdr:row>58</xdr:row>
      <xdr:rowOff>60659</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7186</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67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8176</xdr:rowOff>
    </xdr:from>
    <xdr:to>
      <xdr:col>6</xdr:col>
      <xdr:colOff>38100</xdr:colOff>
      <xdr:row>58</xdr:row>
      <xdr:rowOff>18326</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4853</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9013</xdr:rowOff>
    </xdr:from>
    <xdr:to>
      <xdr:col>24</xdr:col>
      <xdr:colOff>114300</xdr:colOff>
      <xdr:row>58</xdr:row>
      <xdr:rowOff>69163</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911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53940</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826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2829</xdr:rowOff>
    </xdr:from>
    <xdr:to>
      <xdr:col>20</xdr:col>
      <xdr:colOff>38100</xdr:colOff>
      <xdr:row>58</xdr:row>
      <xdr:rowOff>62979</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905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54106</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9998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93091</xdr:rowOff>
    </xdr:from>
    <xdr:to>
      <xdr:col>15</xdr:col>
      <xdr:colOff>101600</xdr:colOff>
      <xdr:row>56</xdr:row>
      <xdr:rowOff>23241</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522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4368</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96155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1462</xdr:rowOff>
    </xdr:from>
    <xdr:to>
      <xdr:col>10</xdr:col>
      <xdr:colOff>165100</xdr:colOff>
      <xdr:row>58</xdr:row>
      <xdr:rowOff>113062</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955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4189</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10048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5363</xdr:rowOff>
    </xdr:from>
    <xdr:to>
      <xdr:col>6</xdr:col>
      <xdr:colOff>38100</xdr:colOff>
      <xdr:row>58</xdr:row>
      <xdr:rowOff>95513</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938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6640</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10030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5153</xdr:rowOff>
    </xdr:from>
    <xdr:to>
      <xdr:col>24</xdr:col>
      <xdr:colOff>62865</xdr:colOff>
      <xdr:row>78</xdr:row>
      <xdr:rowOff>99741</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328103"/>
          <a:ext cx="1270" cy="11447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3568</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4766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9741</xdr:rowOff>
    </xdr:from>
    <xdr:to>
      <xdr:col>24</xdr:col>
      <xdr:colOff>152400</xdr:colOff>
      <xdr:row>78</xdr:row>
      <xdr:rowOff>99741</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472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1830</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21033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47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5153</xdr:rowOff>
    </xdr:from>
    <xdr:to>
      <xdr:col>24</xdr:col>
      <xdr:colOff>152400</xdr:colOff>
      <xdr:row>71</xdr:row>
      <xdr:rowOff>15515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328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0922</xdr:rowOff>
    </xdr:from>
    <xdr:to>
      <xdr:col>24</xdr:col>
      <xdr:colOff>63500</xdr:colOff>
      <xdr:row>78</xdr:row>
      <xdr:rowOff>59430</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3797300" y="13384022"/>
          <a:ext cx="838200" cy="48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27764</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98651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4887</xdr:rowOff>
    </xdr:from>
    <xdr:to>
      <xdr:col>24</xdr:col>
      <xdr:colOff>114300</xdr:colOff>
      <xdr:row>77</xdr:row>
      <xdr:rowOff>35037</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3135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922</xdr:rowOff>
    </xdr:from>
    <xdr:to>
      <xdr:col>19</xdr:col>
      <xdr:colOff>177800</xdr:colOff>
      <xdr:row>79</xdr:row>
      <xdr:rowOff>16630</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3384022"/>
          <a:ext cx="889000" cy="177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26896</xdr:rowOff>
    </xdr:from>
    <xdr:to>
      <xdr:col>20</xdr:col>
      <xdr:colOff>38100</xdr:colOff>
      <xdr:row>76</xdr:row>
      <xdr:rowOff>128496</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30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45023</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28323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8903</xdr:rowOff>
    </xdr:from>
    <xdr:to>
      <xdr:col>15</xdr:col>
      <xdr:colOff>50800</xdr:colOff>
      <xdr:row>79</xdr:row>
      <xdr:rowOff>16630</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a:off x="2019300" y="13553453"/>
          <a:ext cx="889000" cy="7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6193</xdr:rowOff>
    </xdr:from>
    <xdr:to>
      <xdr:col>15</xdr:col>
      <xdr:colOff>101600</xdr:colOff>
      <xdr:row>77</xdr:row>
      <xdr:rowOff>167793</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26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2870</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304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8903</xdr:rowOff>
    </xdr:from>
    <xdr:to>
      <xdr:col>10</xdr:col>
      <xdr:colOff>114300</xdr:colOff>
      <xdr:row>79</xdr:row>
      <xdr:rowOff>73856</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553453"/>
          <a:ext cx="889000" cy="64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0548</xdr:rowOff>
    </xdr:from>
    <xdr:to>
      <xdr:col>10</xdr:col>
      <xdr:colOff>165100</xdr:colOff>
      <xdr:row>78</xdr:row>
      <xdr:rowOff>40698</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312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57225</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3087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5301</xdr:rowOff>
    </xdr:from>
    <xdr:to>
      <xdr:col>6</xdr:col>
      <xdr:colOff>38100</xdr:colOff>
      <xdr:row>78</xdr:row>
      <xdr:rowOff>85451</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356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01978</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3132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8630</xdr:rowOff>
    </xdr:from>
    <xdr:to>
      <xdr:col>24</xdr:col>
      <xdr:colOff>114300</xdr:colOff>
      <xdr:row>78</xdr:row>
      <xdr:rowOff>110230</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381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95007</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296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1572</xdr:rowOff>
    </xdr:from>
    <xdr:to>
      <xdr:col>20</xdr:col>
      <xdr:colOff>38100</xdr:colOff>
      <xdr:row>78</xdr:row>
      <xdr:rowOff>61722</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333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2849</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4259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37280</xdr:rowOff>
    </xdr:from>
    <xdr:to>
      <xdr:col>15</xdr:col>
      <xdr:colOff>101600</xdr:colOff>
      <xdr:row>79</xdr:row>
      <xdr:rowOff>67430</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510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58557</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603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9553</xdr:rowOff>
    </xdr:from>
    <xdr:to>
      <xdr:col>10</xdr:col>
      <xdr:colOff>165100</xdr:colOff>
      <xdr:row>79</xdr:row>
      <xdr:rowOff>59703</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502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50830</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35953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23056</xdr:rowOff>
    </xdr:from>
    <xdr:to>
      <xdr:col>6</xdr:col>
      <xdr:colOff>38100</xdr:colOff>
      <xdr:row>79</xdr:row>
      <xdr:rowOff>124656</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567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115783</xdr:rowOff>
    </xdr:from>
    <xdr:ext cx="534377"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63111" y="13660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2802</xdr:rowOff>
    </xdr:from>
    <xdr:to>
      <xdr:col>24</xdr:col>
      <xdr:colOff>62865</xdr:colOff>
      <xdr:row>98</xdr:row>
      <xdr:rowOff>150313</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73302"/>
          <a:ext cx="1270" cy="13791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4140</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9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0313</xdr:rowOff>
    </xdr:from>
    <xdr:to>
      <xdr:col>24</xdr:col>
      <xdr:colOff>152400</xdr:colOff>
      <xdr:row>98</xdr:row>
      <xdr:rowOff>150313</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952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9479</xdr:rowOff>
    </xdr:from>
    <xdr:ext cx="599010"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48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1,81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42802</xdr:rowOff>
    </xdr:from>
    <xdr:to>
      <xdr:col>24</xdr:col>
      <xdr:colOff>152400</xdr:colOff>
      <xdr:row>90</xdr:row>
      <xdr:rowOff>142802</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73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70430</xdr:rowOff>
    </xdr:from>
    <xdr:to>
      <xdr:col>24</xdr:col>
      <xdr:colOff>63500</xdr:colOff>
      <xdr:row>98</xdr:row>
      <xdr:rowOff>1005</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801080"/>
          <a:ext cx="838200" cy="2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36535</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4957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3658</xdr:rowOff>
    </xdr:from>
    <xdr:to>
      <xdr:col>24</xdr:col>
      <xdr:colOff>114300</xdr:colOff>
      <xdr:row>97</xdr:row>
      <xdr:rowOff>115258</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64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005</xdr:rowOff>
    </xdr:from>
    <xdr:to>
      <xdr:col>19</xdr:col>
      <xdr:colOff>177800</xdr:colOff>
      <xdr:row>98</xdr:row>
      <xdr:rowOff>139438</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803105"/>
          <a:ext cx="889000" cy="138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25856</xdr:rowOff>
    </xdr:from>
    <xdr:to>
      <xdr:col>20</xdr:col>
      <xdr:colOff>38100</xdr:colOff>
      <xdr:row>97</xdr:row>
      <xdr:rowOff>12745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656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4398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431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0475</xdr:rowOff>
    </xdr:from>
    <xdr:to>
      <xdr:col>15</xdr:col>
      <xdr:colOff>50800</xdr:colOff>
      <xdr:row>98</xdr:row>
      <xdr:rowOff>139438</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a:off x="2019300" y="16641125"/>
          <a:ext cx="889000" cy="300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6206</xdr:rowOff>
    </xdr:from>
    <xdr:to>
      <xdr:col>15</xdr:col>
      <xdr:colOff>101600</xdr:colOff>
      <xdr:row>98</xdr:row>
      <xdr:rowOff>86356</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78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02883</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56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0475</xdr:rowOff>
    </xdr:from>
    <xdr:to>
      <xdr:col>10</xdr:col>
      <xdr:colOff>114300</xdr:colOff>
      <xdr:row>98</xdr:row>
      <xdr:rowOff>134573</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1130300" y="16641125"/>
          <a:ext cx="889000" cy="295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4354</xdr:rowOff>
    </xdr:from>
    <xdr:to>
      <xdr:col>10</xdr:col>
      <xdr:colOff>165100</xdr:colOff>
      <xdr:row>98</xdr:row>
      <xdr:rowOff>125954</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17081</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919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6339</xdr:rowOff>
    </xdr:from>
    <xdr:to>
      <xdr:col>6</xdr:col>
      <xdr:colOff>38100</xdr:colOff>
      <xdr:row>98</xdr:row>
      <xdr:rowOff>137939</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54466</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613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9630</xdr:rowOff>
    </xdr:from>
    <xdr:to>
      <xdr:col>24</xdr:col>
      <xdr:colOff>114300</xdr:colOff>
      <xdr:row>98</xdr:row>
      <xdr:rowOff>49780</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75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98057</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728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1655</xdr:rowOff>
    </xdr:from>
    <xdr:to>
      <xdr:col>20</xdr:col>
      <xdr:colOff>38100</xdr:colOff>
      <xdr:row>98</xdr:row>
      <xdr:rowOff>51805</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752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2932</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84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88638</xdr:rowOff>
    </xdr:from>
    <xdr:to>
      <xdr:col>15</xdr:col>
      <xdr:colOff>101600</xdr:colOff>
      <xdr:row>99</xdr:row>
      <xdr:rowOff>18788</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890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9915</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983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31125</xdr:rowOff>
    </xdr:from>
    <xdr:to>
      <xdr:col>10</xdr:col>
      <xdr:colOff>165100</xdr:colOff>
      <xdr:row>97</xdr:row>
      <xdr:rowOff>61275</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590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7802</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365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3773</xdr:rowOff>
    </xdr:from>
    <xdr:to>
      <xdr:col>6</xdr:col>
      <xdr:colOff>38100</xdr:colOff>
      <xdr:row>99</xdr:row>
      <xdr:rowOff>13923</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885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5050</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978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48260</xdr:rowOff>
    </xdr:from>
    <xdr:to>
      <xdr:col>54</xdr:col>
      <xdr:colOff>189865</xdr:colOff>
      <xdr:row>39</xdr:row>
      <xdr:rowOff>9887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63210"/>
          <a:ext cx="127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6387</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38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5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48260</xdr:rowOff>
    </xdr:from>
    <xdr:to>
      <xdr:col>55</xdr:col>
      <xdr:colOff>88900</xdr:colOff>
      <xdr:row>31</xdr:row>
      <xdr:rowOff>48260</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63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23440</xdr:rowOff>
    </xdr:from>
    <xdr:to>
      <xdr:col>55</xdr:col>
      <xdr:colOff>0</xdr:colOff>
      <xdr:row>39</xdr:row>
      <xdr:rowOff>26706</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9639300" y="6709990"/>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5043</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4586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2166</xdr:rowOff>
    </xdr:from>
    <xdr:to>
      <xdr:col>55</xdr:col>
      <xdr:colOff>50800</xdr:colOff>
      <xdr:row>39</xdr:row>
      <xdr:rowOff>22316</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607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26706</xdr:rowOff>
    </xdr:from>
    <xdr:to>
      <xdr:col>50</xdr:col>
      <xdr:colOff>114300</xdr:colOff>
      <xdr:row>39</xdr:row>
      <xdr:rowOff>27360</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8750300" y="6713256"/>
          <a:ext cx="889000" cy="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91186</xdr:rowOff>
    </xdr:from>
    <xdr:to>
      <xdr:col>50</xdr:col>
      <xdr:colOff>165100</xdr:colOff>
      <xdr:row>39</xdr:row>
      <xdr:rowOff>21336</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60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37863</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3815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27360</xdr:rowOff>
    </xdr:from>
    <xdr:to>
      <xdr:col>45</xdr:col>
      <xdr:colOff>177800</xdr:colOff>
      <xdr:row>39</xdr:row>
      <xdr:rowOff>27360</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7861300" y="67139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88574</xdr:rowOff>
    </xdr:from>
    <xdr:to>
      <xdr:col>46</xdr:col>
      <xdr:colOff>38100</xdr:colOff>
      <xdr:row>39</xdr:row>
      <xdr:rowOff>18724</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35250</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3789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27360</xdr:rowOff>
    </xdr:from>
    <xdr:to>
      <xdr:col>41</xdr:col>
      <xdr:colOff>50800</xdr:colOff>
      <xdr:row>39</xdr:row>
      <xdr:rowOff>27360</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a:off x="6972300" y="67139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75837</xdr:rowOff>
    </xdr:from>
    <xdr:to>
      <xdr:col>41</xdr:col>
      <xdr:colOff>101600</xdr:colOff>
      <xdr:row>39</xdr:row>
      <xdr:rowOff>5987</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22514</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3661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4001</xdr:rowOff>
    </xdr:from>
    <xdr:to>
      <xdr:col>36</xdr:col>
      <xdr:colOff>165100</xdr:colOff>
      <xdr:row>39</xdr:row>
      <xdr:rowOff>14151</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30678</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3743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44090</xdr:rowOff>
    </xdr:from>
    <xdr:to>
      <xdr:col>55</xdr:col>
      <xdr:colOff>50800</xdr:colOff>
      <xdr:row>39</xdr:row>
      <xdr:rowOff>74240</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665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70592</xdr:rowOff>
    </xdr:from>
    <xdr:ext cx="378565"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65856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47356</xdr:rowOff>
    </xdr:from>
    <xdr:to>
      <xdr:col>50</xdr:col>
      <xdr:colOff>165100</xdr:colOff>
      <xdr:row>39</xdr:row>
      <xdr:rowOff>77506</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6662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68633</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50017" y="67551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48010</xdr:rowOff>
    </xdr:from>
    <xdr:to>
      <xdr:col>46</xdr:col>
      <xdr:colOff>38100</xdr:colOff>
      <xdr:row>39</xdr:row>
      <xdr:rowOff>78160</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666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69287</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61017" y="67558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48010</xdr:rowOff>
    </xdr:from>
    <xdr:to>
      <xdr:col>41</xdr:col>
      <xdr:colOff>101600</xdr:colOff>
      <xdr:row>39</xdr:row>
      <xdr:rowOff>78160</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666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69287</xdr:rowOff>
    </xdr:from>
    <xdr:ext cx="378565"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672017" y="67558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48010</xdr:rowOff>
    </xdr:from>
    <xdr:to>
      <xdr:col>36</xdr:col>
      <xdr:colOff>165100</xdr:colOff>
      <xdr:row>39</xdr:row>
      <xdr:rowOff>78160</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666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69287</xdr:rowOff>
    </xdr:from>
    <xdr:ext cx="378565"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783017" y="67558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4638</xdr:rowOff>
    </xdr:from>
    <xdr:to>
      <xdr:col>54</xdr:col>
      <xdr:colOff>189865</xdr:colOff>
      <xdr:row>59</xdr:row>
      <xdr:rowOff>88363</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10475595" y="8637138"/>
          <a:ext cx="1270" cy="15667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2190</xdr:rowOff>
    </xdr:from>
    <xdr:ext cx="378565" cy="259045"/>
    <xdr:sp macro="" textlink="">
      <xdr:nvSpPr>
        <xdr:cNvPr id="350" name="農林水産業費最小値テキスト">
          <a:extLst>
            <a:ext uri="{FF2B5EF4-FFF2-40B4-BE49-F238E27FC236}">
              <a16:creationId xmlns:a16="http://schemas.microsoft.com/office/drawing/2014/main" id="{00000000-0008-0000-0700-00005E010000}"/>
            </a:ext>
          </a:extLst>
        </xdr:cNvPr>
        <xdr:cNvSpPr txBox="1"/>
      </xdr:nvSpPr>
      <xdr:spPr>
        <a:xfrm>
          <a:off x="10528300" y="10207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8363</xdr:rowOff>
    </xdr:from>
    <xdr:to>
      <xdr:col>55</xdr:col>
      <xdr:colOff>88900</xdr:colOff>
      <xdr:row>59</xdr:row>
      <xdr:rowOff>88363</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10388600" y="10203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315</xdr:rowOff>
    </xdr:from>
    <xdr:ext cx="534377" cy="259045"/>
    <xdr:sp macro="" textlink="">
      <xdr:nvSpPr>
        <xdr:cNvPr id="352" name="農林水産業費最大値テキスト">
          <a:extLst>
            <a:ext uri="{FF2B5EF4-FFF2-40B4-BE49-F238E27FC236}">
              <a16:creationId xmlns:a16="http://schemas.microsoft.com/office/drawing/2014/main" id="{00000000-0008-0000-0700-000060010000}"/>
            </a:ext>
          </a:extLst>
        </xdr:cNvPr>
        <xdr:cNvSpPr txBox="1"/>
      </xdr:nvSpPr>
      <xdr:spPr>
        <a:xfrm>
          <a:off x="10528300" y="8412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59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4638</xdr:rowOff>
    </xdr:from>
    <xdr:to>
      <xdr:col>55</xdr:col>
      <xdr:colOff>88900</xdr:colOff>
      <xdr:row>50</xdr:row>
      <xdr:rowOff>64638</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10388600" y="8637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38234</xdr:rowOff>
    </xdr:from>
    <xdr:to>
      <xdr:col>55</xdr:col>
      <xdr:colOff>0</xdr:colOff>
      <xdr:row>59</xdr:row>
      <xdr:rowOff>48130</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9639300" y="10153784"/>
          <a:ext cx="838200" cy="9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4427</xdr:rowOff>
    </xdr:from>
    <xdr:ext cx="469744" cy="259045"/>
    <xdr:sp macro="" textlink="">
      <xdr:nvSpPr>
        <xdr:cNvPr id="355" name="農林水産業費平均値テキスト">
          <a:extLst>
            <a:ext uri="{FF2B5EF4-FFF2-40B4-BE49-F238E27FC236}">
              <a16:creationId xmlns:a16="http://schemas.microsoft.com/office/drawing/2014/main" id="{00000000-0008-0000-0700-000063010000}"/>
            </a:ext>
          </a:extLst>
        </xdr:cNvPr>
        <xdr:cNvSpPr txBox="1"/>
      </xdr:nvSpPr>
      <xdr:spPr>
        <a:xfrm>
          <a:off x="10528300" y="98570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1550</xdr:rowOff>
    </xdr:from>
    <xdr:to>
      <xdr:col>55</xdr:col>
      <xdr:colOff>50800</xdr:colOff>
      <xdr:row>58</xdr:row>
      <xdr:rowOff>163150</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10426700" y="10005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38234</xdr:rowOff>
    </xdr:from>
    <xdr:to>
      <xdr:col>50</xdr:col>
      <xdr:colOff>114300</xdr:colOff>
      <xdr:row>59</xdr:row>
      <xdr:rowOff>47558</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flipV="1">
          <a:off x="8750300" y="10153784"/>
          <a:ext cx="889000" cy="9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63623</xdr:rowOff>
    </xdr:from>
    <xdr:to>
      <xdr:col>50</xdr:col>
      <xdr:colOff>165100</xdr:colOff>
      <xdr:row>58</xdr:row>
      <xdr:rowOff>165223</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9588500" y="1000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0300</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404428" y="9782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47558</xdr:rowOff>
    </xdr:from>
    <xdr:to>
      <xdr:col>45</xdr:col>
      <xdr:colOff>177800</xdr:colOff>
      <xdr:row>59</xdr:row>
      <xdr:rowOff>51624</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flipV="1">
          <a:off x="7861300" y="10163108"/>
          <a:ext cx="889000" cy="4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6234</xdr:rowOff>
    </xdr:from>
    <xdr:to>
      <xdr:col>46</xdr:col>
      <xdr:colOff>38100</xdr:colOff>
      <xdr:row>58</xdr:row>
      <xdr:rowOff>147834</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8699500" y="999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4361</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483111" y="976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51624</xdr:rowOff>
    </xdr:from>
    <xdr:to>
      <xdr:col>41</xdr:col>
      <xdr:colOff>50800</xdr:colOff>
      <xdr:row>59</xdr:row>
      <xdr:rowOff>52783</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flipV="1">
          <a:off x="6972300" y="10167174"/>
          <a:ext cx="889000" cy="1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3239</xdr:rowOff>
    </xdr:from>
    <xdr:to>
      <xdr:col>41</xdr:col>
      <xdr:colOff>101600</xdr:colOff>
      <xdr:row>58</xdr:row>
      <xdr:rowOff>154839</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78105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71366</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977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32534</xdr:rowOff>
    </xdr:from>
    <xdr:to>
      <xdr:col>36</xdr:col>
      <xdr:colOff>165100</xdr:colOff>
      <xdr:row>58</xdr:row>
      <xdr:rowOff>134134</xdr:rowOff>
    </xdr:to>
    <xdr:sp macro="" textlink="">
      <xdr:nvSpPr>
        <xdr:cNvPr id="366" name="フローチャート: 判断 365">
          <a:extLst>
            <a:ext uri="{FF2B5EF4-FFF2-40B4-BE49-F238E27FC236}">
              <a16:creationId xmlns:a16="http://schemas.microsoft.com/office/drawing/2014/main" id="{00000000-0008-0000-0700-00006E010000}"/>
            </a:ext>
          </a:extLst>
        </xdr:cNvPr>
        <xdr:cNvSpPr/>
      </xdr:nvSpPr>
      <xdr:spPr>
        <a:xfrm>
          <a:off x="6921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0661</xdr:rowOff>
    </xdr:from>
    <xdr:ext cx="534377"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05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68780</xdr:rowOff>
    </xdr:from>
    <xdr:to>
      <xdr:col>55</xdr:col>
      <xdr:colOff>50800</xdr:colOff>
      <xdr:row>59</xdr:row>
      <xdr:rowOff>98930</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10426700" y="1011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83707</xdr:rowOff>
    </xdr:from>
    <xdr:ext cx="469744" cy="259045"/>
    <xdr:sp macro="" textlink="">
      <xdr:nvSpPr>
        <xdr:cNvPr id="374" name="農林水産業費該当値テキスト">
          <a:extLst>
            <a:ext uri="{FF2B5EF4-FFF2-40B4-BE49-F238E27FC236}">
              <a16:creationId xmlns:a16="http://schemas.microsoft.com/office/drawing/2014/main" id="{00000000-0008-0000-0700-000076010000}"/>
            </a:ext>
          </a:extLst>
        </xdr:cNvPr>
        <xdr:cNvSpPr txBox="1"/>
      </xdr:nvSpPr>
      <xdr:spPr>
        <a:xfrm>
          <a:off x="10528300" y="10027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58884</xdr:rowOff>
    </xdr:from>
    <xdr:to>
      <xdr:col>50</xdr:col>
      <xdr:colOff>165100</xdr:colOff>
      <xdr:row>59</xdr:row>
      <xdr:rowOff>89034</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9588500" y="10102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80161</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9404428" y="10195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68208</xdr:rowOff>
    </xdr:from>
    <xdr:to>
      <xdr:col>46</xdr:col>
      <xdr:colOff>38100</xdr:colOff>
      <xdr:row>59</xdr:row>
      <xdr:rowOff>98358</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8699500" y="10112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89485</xdr:rowOff>
    </xdr:from>
    <xdr:ext cx="469744"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8515428" y="10205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824</xdr:rowOff>
    </xdr:from>
    <xdr:to>
      <xdr:col>41</xdr:col>
      <xdr:colOff>101600</xdr:colOff>
      <xdr:row>59</xdr:row>
      <xdr:rowOff>102424</xdr:rowOff>
    </xdr:to>
    <xdr:sp macro="" textlink="">
      <xdr:nvSpPr>
        <xdr:cNvPr id="379" name="楕円 378">
          <a:extLst>
            <a:ext uri="{FF2B5EF4-FFF2-40B4-BE49-F238E27FC236}">
              <a16:creationId xmlns:a16="http://schemas.microsoft.com/office/drawing/2014/main" id="{00000000-0008-0000-0700-00007B010000}"/>
            </a:ext>
          </a:extLst>
        </xdr:cNvPr>
        <xdr:cNvSpPr/>
      </xdr:nvSpPr>
      <xdr:spPr>
        <a:xfrm>
          <a:off x="7810500" y="10116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93551</xdr:rowOff>
    </xdr:from>
    <xdr:ext cx="469744" cy="259045"/>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7626428" y="10209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1983</xdr:rowOff>
    </xdr:from>
    <xdr:to>
      <xdr:col>36</xdr:col>
      <xdr:colOff>165100</xdr:colOff>
      <xdr:row>59</xdr:row>
      <xdr:rowOff>103583</xdr:rowOff>
    </xdr:to>
    <xdr:sp macro="" textlink="">
      <xdr:nvSpPr>
        <xdr:cNvPr id="381" name="楕円 380">
          <a:extLst>
            <a:ext uri="{FF2B5EF4-FFF2-40B4-BE49-F238E27FC236}">
              <a16:creationId xmlns:a16="http://schemas.microsoft.com/office/drawing/2014/main" id="{00000000-0008-0000-0700-00007D010000}"/>
            </a:ext>
          </a:extLst>
        </xdr:cNvPr>
        <xdr:cNvSpPr/>
      </xdr:nvSpPr>
      <xdr:spPr>
        <a:xfrm>
          <a:off x="6921500" y="10117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94710</xdr:rowOff>
    </xdr:from>
    <xdr:ext cx="469744"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737428" y="10210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4" name="テキスト ボックス 403">
          <a:extLst>
            <a:ext uri="{FF2B5EF4-FFF2-40B4-BE49-F238E27FC236}">
              <a16:creationId xmlns:a16="http://schemas.microsoft.com/office/drawing/2014/main" id="{00000000-0008-0000-0700-000094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a:extLst>
            <a:ext uri="{FF2B5EF4-FFF2-40B4-BE49-F238E27FC236}">
              <a16:creationId xmlns:a16="http://schemas.microsoft.com/office/drawing/2014/main" id="{00000000-0008-0000-07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55969</xdr:rowOff>
    </xdr:from>
    <xdr:to>
      <xdr:col>54</xdr:col>
      <xdr:colOff>189865</xdr:colOff>
      <xdr:row>79</xdr:row>
      <xdr:rowOff>8826</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10475595" y="11986019"/>
          <a:ext cx="1270" cy="15673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2653</xdr:rowOff>
    </xdr:from>
    <xdr:ext cx="378565" cy="259045"/>
    <xdr:sp macro="" textlink="">
      <xdr:nvSpPr>
        <xdr:cNvPr id="407" name="商工費最小値テキスト">
          <a:extLst>
            <a:ext uri="{FF2B5EF4-FFF2-40B4-BE49-F238E27FC236}">
              <a16:creationId xmlns:a16="http://schemas.microsoft.com/office/drawing/2014/main" id="{00000000-0008-0000-0700-000097010000}"/>
            </a:ext>
          </a:extLst>
        </xdr:cNvPr>
        <xdr:cNvSpPr txBox="1"/>
      </xdr:nvSpPr>
      <xdr:spPr>
        <a:xfrm>
          <a:off x="10528300" y="135572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826</xdr:rowOff>
    </xdr:from>
    <xdr:to>
      <xdr:col>55</xdr:col>
      <xdr:colOff>88900</xdr:colOff>
      <xdr:row>79</xdr:row>
      <xdr:rowOff>8826</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10388600" y="1355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2646</xdr:rowOff>
    </xdr:from>
    <xdr:ext cx="534377" cy="259045"/>
    <xdr:sp macro="" textlink="">
      <xdr:nvSpPr>
        <xdr:cNvPr id="409" name="商工費最大値テキスト">
          <a:extLst>
            <a:ext uri="{FF2B5EF4-FFF2-40B4-BE49-F238E27FC236}">
              <a16:creationId xmlns:a16="http://schemas.microsoft.com/office/drawing/2014/main" id="{00000000-0008-0000-0700-000099010000}"/>
            </a:ext>
          </a:extLst>
        </xdr:cNvPr>
        <xdr:cNvSpPr txBox="1"/>
      </xdr:nvSpPr>
      <xdr:spPr>
        <a:xfrm>
          <a:off x="10528300" y="1176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07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55969</xdr:rowOff>
    </xdr:from>
    <xdr:to>
      <xdr:col>55</xdr:col>
      <xdr:colOff>88900</xdr:colOff>
      <xdr:row>69</xdr:row>
      <xdr:rowOff>155969</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10388600" y="119860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47816</xdr:rowOff>
    </xdr:from>
    <xdr:to>
      <xdr:col>55</xdr:col>
      <xdr:colOff>0</xdr:colOff>
      <xdr:row>77</xdr:row>
      <xdr:rowOff>159474</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9639300" y="13349466"/>
          <a:ext cx="838200" cy="11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3421</xdr:rowOff>
    </xdr:from>
    <xdr:ext cx="469744" cy="259045"/>
    <xdr:sp macro="" textlink="">
      <xdr:nvSpPr>
        <xdr:cNvPr id="412" name="商工費平均値テキスト">
          <a:extLst>
            <a:ext uri="{FF2B5EF4-FFF2-40B4-BE49-F238E27FC236}">
              <a16:creationId xmlns:a16="http://schemas.microsoft.com/office/drawing/2014/main" id="{00000000-0008-0000-0700-00009C010000}"/>
            </a:ext>
          </a:extLst>
        </xdr:cNvPr>
        <xdr:cNvSpPr txBox="1"/>
      </xdr:nvSpPr>
      <xdr:spPr>
        <a:xfrm>
          <a:off x="10528300" y="130336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1994</xdr:rowOff>
    </xdr:from>
    <xdr:to>
      <xdr:col>55</xdr:col>
      <xdr:colOff>50800</xdr:colOff>
      <xdr:row>77</xdr:row>
      <xdr:rowOff>82144</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10426700" y="1318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7816</xdr:rowOff>
    </xdr:from>
    <xdr:to>
      <xdr:col>50</xdr:col>
      <xdr:colOff>114300</xdr:colOff>
      <xdr:row>78</xdr:row>
      <xdr:rowOff>1397</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8750300" y="13349466"/>
          <a:ext cx="889000" cy="25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470</xdr:rowOff>
    </xdr:from>
    <xdr:to>
      <xdr:col>50</xdr:col>
      <xdr:colOff>165100</xdr:colOff>
      <xdr:row>77</xdr:row>
      <xdr:rowOff>102070</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9588500" y="1320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18597</xdr:rowOff>
    </xdr:from>
    <xdr:ext cx="469744"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404428" y="12977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397</xdr:rowOff>
    </xdr:from>
    <xdr:to>
      <xdr:col>45</xdr:col>
      <xdr:colOff>177800</xdr:colOff>
      <xdr:row>78</xdr:row>
      <xdr:rowOff>137109</xdr:rowOff>
    </xdr:to>
    <xdr:cxnSp macro="">
      <xdr:nvCxnSpPr>
        <xdr:cNvPr id="417" name="直線コネクタ 416">
          <a:extLst>
            <a:ext uri="{FF2B5EF4-FFF2-40B4-BE49-F238E27FC236}">
              <a16:creationId xmlns:a16="http://schemas.microsoft.com/office/drawing/2014/main" id="{00000000-0008-0000-0700-0000A1010000}"/>
            </a:ext>
          </a:extLst>
        </xdr:cNvPr>
        <xdr:cNvCxnSpPr/>
      </xdr:nvCxnSpPr>
      <xdr:spPr>
        <a:xfrm flipV="1">
          <a:off x="7861300" y="13374497"/>
          <a:ext cx="889000" cy="135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82462</xdr:rowOff>
    </xdr:from>
    <xdr:to>
      <xdr:col>46</xdr:col>
      <xdr:colOff>38100</xdr:colOff>
      <xdr:row>77</xdr:row>
      <xdr:rowOff>12612</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8699500" y="13112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29138</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483111" y="12887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37109</xdr:rowOff>
    </xdr:from>
    <xdr:to>
      <xdr:col>41</xdr:col>
      <xdr:colOff>50800</xdr:colOff>
      <xdr:row>78</xdr:row>
      <xdr:rowOff>144577</xdr:rowOff>
    </xdr:to>
    <xdr:cxnSp macro="">
      <xdr:nvCxnSpPr>
        <xdr:cNvPr id="420" name="直線コネクタ 419">
          <a:extLst>
            <a:ext uri="{FF2B5EF4-FFF2-40B4-BE49-F238E27FC236}">
              <a16:creationId xmlns:a16="http://schemas.microsoft.com/office/drawing/2014/main" id="{00000000-0008-0000-0700-0000A4010000}"/>
            </a:ext>
          </a:extLst>
        </xdr:cNvPr>
        <xdr:cNvCxnSpPr/>
      </xdr:nvCxnSpPr>
      <xdr:spPr>
        <a:xfrm flipV="1">
          <a:off x="6972300" y="13510209"/>
          <a:ext cx="889000" cy="7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75031</xdr:rowOff>
    </xdr:from>
    <xdr:to>
      <xdr:col>41</xdr:col>
      <xdr:colOff>101600</xdr:colOff>
      <xdr:row>78</xdr:row>
      <xdr:rowOff>5181</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7810500" y="13276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21708</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26428" y="13051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9375</xdr:rowOff>
    </xdr:from>
    <xdr:to>
      <xdr:col>36</xdr:col>
      <xdr:colOff>165100</xdr:colOff>
      <xdr:row>78</xdr:row>
      <xdr:rowOff>9525</xdr:rowOff>
    </xdr:to>
    <xdr:sp macro="" textlink="">
      <xdr:nvSpPr>
        <xdr:cNvPr id="423" name="フローチャート: 判断 422">
          <a:extLst>
            <a:ext uri="{FF2B5EF4-FFF2-40B4-BE49-F238E27FC236}">
              <a16:creationId xmlns:a16="http://schemas.microsoft.com/office/drawing/2014/main" id="{00000000-0008-0000-0700-0000A7010000}"/>
            </a:ext>
          </a:extLst>
        </xdr:cNvPr>
        <xdr:cNvSpPr/>
      </xdr:nvSpPr>
      <xdr:spPr>
        <a:xfrm>
          <a:off x="6921500" y="13281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26052</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37428" y="13056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8674</xdr:rowOff>
    </xdr:from>
    <xdr:to>
      <xdr:col>55</xdr:col>
      <xdr:colOff>50800</xdr:colOff>
      <xdr:row>78</xdr:row>
      <xdr:rowOff>38824</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10426700" y="13310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87101</xdr:rowOff>
    </xdr:from>
    <xdr:ext cx="469744" cy="259045"/>
    <xdr:sp macro="" textlink="">
      <xdr:nvSpPr>
        <xdr:cNvPr id="431" name="商工費該当値テキスト">
          <a:extLst>
            <a:ext uri="{FF2B5EF4-FFF2-40B4-BE49-F238E27FC236}">
              <a16:creationId xmlns:a16="http://schemas.microsoft.com/office/drawing/2014/main" id="{00000000-0008-0000-0700-0000AF010000}"/>
            </a:ext>
          </a:extLst>
        </xdr:cNvPr>
        <xdr:cNvSpPr txBox="1"/>
      </xdr:nvSpPr>
      <xdr:spPr>
        <a:xfrm>
          <a:off x="10528300" y="13288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7016</xdr:rowOff>
    </xdr:from>
    <xdr:to>
      <xdr:col>50</xdr:col>
      <xdr:colOff>165100</xdr:colOff>
      <xdr:row>78</xdr:row>
      <xdr:rowOff>27166</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9588500" y="13298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8293</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9404428" y="13391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22047</xdr:rowOff>
    </xdr:from>
    <xdr:to>
      <xdr:col>46</xdr:col>
      <xdr:colOff>38100</xdr:colOff>
      <xdr:row>78</xdr:row>
      <xdr:rowOff>52197</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8699500" y="13323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43324</xdr:rowOff>
    </xdr:from>
    <xdr:ext cx="469744"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8515428" y="1341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6309</xdr:rowOff>
    </xdr:from>
    <xdr:to>
      <xdr:col>41</xdr:col>
      <xdr:colOff>101600</xdr:colOff>
      <xdr:row>79</xdr:row>
      <xdr:rowOff>16459</xdr:rowOff>
    </xdr:to>
    <xdr:sp macro="" textlink="">
      <xdr:nvSpPr>
        <xdr:cNvPr id="436" name="楕円 435">
          <a:extLst>
            <a:ext uri="{FF2B5EF4-FFF2-40B4-BE49-F238E27FC236}">
              <a16:creationId xmlns:a16="http://schemas.microsoft.com/office/drawing/2014/main" id="{00000000-0008-0000-0700-0000B4010000}"/>
            </a:ext>
          </a:extLst>
        </xdr:cNvPr>
        <xdr:cNvSpPr/>
      </xdr:nvSpPr>
      <xdr:spPr>
        <a:xfrm>
          <a:off x="7810500" y="13459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7586</xdr:rowOff>
    </xdr:from>
    <xdr:ext cx="469744" cy="25904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7626428" y="13552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3777</xdr:rowOff>
    </xdr:from>
    <xdr:to>
      <xdr:col>36</xdr:col>
      <xdr:colOff>165100</xdr:colOff>
      <xdr:row>79</xdr:row>
      <xdr:rowOff>23927</xdr:rowOff>
    </xdr:to>
    <xdr:sp macro="" textlink="">
      <xdr:nvSpPr>
        <xdr:cNvPr id="438" name="楕円 437">
          <a:extLst>
            <a:ext uri="{FF2B5EF4-FFF2-40B4-BE49-F238E27FC236}">
              <a16:creationId xmlns:a16="http://schemas.microsoft.com/office/drawing/2014/main" id="{00000000-0008-0000-0700-0000B6010000}"/>
            </a:ext>
          </a:extLst>
        </xdr:cNvPr>
        <xdr:cNvSpPr/>
      </xdr:nvSpPr>
      <xdr:spPr>
        <a:xfrm>
          <a:off x="6921500" y="13466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5054</xdr:rowOff>
    </xdr:from>
    <xdr:ext cx="469744" cy="259045"/>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737428" y="13559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7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7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a16="http://schemas.microsoft.com/office/drawing/2014/main"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0012</xdr:rowOff>
    </xdr:from>
    <xdr:to>
      <xdr:col>54</xdr:col>
      <xdr:colOff>189865</xdr:colOff>
      <xdr:row>98</xdr:row>
      <xdr:rowOff>92380</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10475595" y="15651962"/>
          <a:ext cx="1270" cy="1242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6207</xdr:rowOff>
    </xdr:from>
    <xdr:ext cx="534377" cy="259045"/>
    <xdr:sp macro="" textlink="">
      <xdr:nvSpPr>
        <xdr:cNvPr id="466" name="土木費最小値テキスト">
          <a:extLst>
            <a:ext uri="{FF2B5EF4-FFF2-40B4-BE49-F238E27FC236}">
              <a16:creationId xmlns:a16="http://schemas.microsoft.com/office/drawing/2014/main" id="{00000000-0008-0000-0700-0000D2010000}"/>
            </a:ext>
          </a:extLst>
        </xdr:cNvPr>
        <xdr:cNvSpPr txBox="1"/>
      </xdr:nvSpPr>
      <xdr:spPr>
        <a:xfrm>
          <a:off x="10528300" y="16898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2380</xdr:rowOff>
    </xdr:from>
    <xdr:to>
      <xdr:col>55</xdr:col>
      <xdr:colOff>88900</xdr:colOff>
      <xdr:row>98</xdr:row>
      <xdr:rowOff>92380</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10388600" y="16894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8139</xdr:rowOff>
    </xdr:from>
    <xdr:ext cx="599010" cy="259045"/>
    <xdr:sp macro="" textlink="">
      <xdr:nvSpPr>
        <xdr:cNvPr id="468" name="土木費最大値テキスト">
          <a:extLst>
            <a:ext uri="{FF2B5EF4-FFF2-40B4-BE49-F238E27FC236}">
              <a16:creationId xmlns:a16="http://schemas.microsoft.com/office/drawing/2014/main" id="{00000000-0008-0000-0700-0000D4010000}"/>
            </a:ext>
          </a:extLst>
        </xdr:cNvPr>
        <xdr:cNvSpPr txBox="1"/>
      </xdr:nvSpPr>
      <xdr:spPr>
        <a:xfrm>
          <a:off x="10528300" y="154271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4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0012</xdr:rowOff>
    </xdr:from>
    <xdr:to>
      <xdr:col>55</xdr:col>
      <xdr:colOff>88900</xdr:colOff>
      <xdr:row>91</xdr:row>
      <xdr:rowOff>50012</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56519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50231</xdr:rowOff>
    </xdr:from>
    <xdr:to>
      <xdr:col>55</xdr:col>
      <xdr:colOff>0</xdr:colOff>
      <xdr:row>97</xdr:row>
      <xdr:rowOff>66331</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a:off x="9639300" y="16680881"/>
          <a:ext cx="838200" cy="16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3207</xdr:rowOff>
    </xdr:from>
    <xdr:ext cx="534377" cy="259045"/>
    <xdr:sp macro="" textlink="">
      <xdr:nvSpPr>
        <xdr:cNvPr id="471" name="土木費平均値テキスト">
          <a:extLst>
            <a:ext uri="{FF2B5EF4-FFF2-40B4-BE49-F238E27FC236}">
              <a16:creationId xmlns:a16="http://schemas.microsoft.com/office/drawing/2014/main" id="{00000000-0008-0000-0700-0000D7010000}"/>
            </a:ext>
          </a:extLst>
        </xdr:cNvPr>
        <xdr:cNvSpPr txBox="1"/>
      </xdr:nvSpPr>
      <xdr:spPr>
        <a:xfrm>
          <a:off x="10528300" y="16410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0330</xdr:rowOff>
    </xdr:from>
    <xdr:to>
      <xdr:col>55</xdr:col>
      <xdr:colOff>50800</xdr:colOff>
      <xdr:row>97</xdr:row>
      <xdr:rowOff>30480</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10426700" y="1655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50231</xdr:rowOff>
    </xdr:from>
    <xdr:to>
      <xdr:col>50</xdr:col>
      <xdr:colOff>114300</xdr:colOff>
      <xdr:row>97</xdr:row>
      <xdr:rowOff>101927</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flipV="1">
          <a:off x="8750300" y="16680881"/>
          <a:ext cx="889000" cy="51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1427</xdr:rowOff>
    </xdr:from>
    <xdr:to>
      <xdr:col>50</xdr:col>
      <xdr:colOff>165100</xdr:colOff>
      <xdr:row>97</xdr:row>
      <xdr:rowOff>51577</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9588500" y="16580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68104</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372111" y="16355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90367</xdr:rowOff>
    </xdr:from>
    <xdr:to>
      <xdr:col>45</xdr:col>
      <xdr:colOff>177800</xdr:colOff>
      <xdr:row>97</xdr:row>
      <xdr:rowOff>101927</xdr:rowOff>
    </xdr:to>
    <xdr:cxnSp macro="">
      <xdr:nvCxnSpPr>
        <xdr:cNvPr id="476" name="直線コネクタ 475">
          <a:extLst>
            <a:ext uri="{FF2B5EF4-FFF2-40B4-BE49-F238E27FC236}">
              <a16:creationId xmlns:a16="http://schemas.microsoft.com/office/drawing/2014/main" id="{00000000-0008-0000-0700-0000DC010000}"/>
            </a:ext>
          </a:extLst>
        </xdr:cNvPr>
        <xdr:cNvCxnSpPr/>
      </xdr:nvCxnSpPr>
      <xdr:spPr>
        <a:xfrm>
          <a:off x="7861300" y="16721017"/>
          <a:ext cx="889000" cy="11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7795</xdr:rowOff>
    </xdr:from>
    <xdr:to>
      <xdr:col>46</xdr:col>
      <xdr:colOff>38100</xdr:colOff>
      <xdr:row>97</xdr:row>
      <xdr:rowOff>57945</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8699500" y="1658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4472</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483111" y="16362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90367</xdr:rowOff>
    </xdr:from>
    <xdr:to>
      <xdr:col>41</xdr:col>
      <xdr:colOff>50800</xdr:colOff>
      <xdr:row>97</xdr:row>
      <xdr:rowOff>139461</xdr:rowOff>
    </xdr:to>
    <xdr:cxnSp macro="">
      <xdr:nvCxnSpPr>
        <xdr:cNvPr id="479" name="直線コネクタ 478">
          <a:extLst>
            <a:ext uri="{FF2B5EF4-FFF2-40B4-BE49-F238E27FC236}">
              <a16:creationId xmlns:a16="http://schemas.microsoft.com/office/drawing/2014/main" id="{00000000-0008-0000-0700-0000DF010000}"/>
            </a:ext>
          </a:extLst>
        </xdr:cNvPr>
        <xdr:cNvCxnSpPr/>
      </xdr:nvCxnSpPr>
      <xdr:spPr>
        <a:xfrm flipV="1">
          <a:off x="6972300" y="16721017"/>
          <a:ext cx="889000" cy="49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7843</xdr:rowOff>
    </xdr:from>
    <xdr:to>
      <xdr:col>41</xdr:col>
      <xdr:colOff>101600</xdr:colOff>
      <xdr:row>97</xdr:row>
      <xdr:rowOff>67993</xdr:rowOff>
    </xdr:to>
    <xdr:sp macro="" textlink="">
      <xdr:nvSpPr>
        <xdr:cNvPr id="480" name="フローチャート: 判断 479">
          <a:extLst>
            <a:ext uri="{FF2B5EF4-FFF2-40B4-BE49-F238E27FC236}">
              <a16:creationId xmlns:a16="http://schemas.microsoft.com/office/drawing/2014/main" id="{00000000-0008-0000-0700-0000E0010000}"/>
            </a:ext>
          </a:extLst>
        </xdr:cNvPr>
        <xdr:cNvSpPr/>
      </xdr:nvSpPr>
      <xdr:spPr>
        <a:xfrm>
          <a:off x="7810500" y="1659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4520</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372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9656</xdr:rowOff>
    </xdr:from>
    <xdr:to>
      <xdr:col>36</xdr:col>
      <xdr:colOff>165100</xdr:colOff>
      <xdr:row>97</xdr:row>
      <xdr:rowOff>59806</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69215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6333</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364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531</xdr:rowOff>
    </xdr:from>
    <xdr:to>
      <xdr:col>55</xdr:col>
      <xdr:colOff>50800</xdr:colOff>
      <xdr:row>97</xdr:row>
      <xdr:rowOff>117131</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10426700" y="16646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65408</xdr:rowOff>
    </xdr:from>
    <xdr:ext cx="534377" cy="259045"/>
    <xdr:sp macro="" textlink="">
      <xdr:nvSpPr>
        <xdr:cNvPr id="490" name="土木費該当値テキスト">
          <a:extLst>
            <a:ext uri="{FF2B5EF4-FFF2-40B4-BE49-F238E27FC236}">
              <a16:creationId xmlns:a16="http://schemas.microsoft.com/office/drawing/2014/main" id="{00000000-0008-0000-0700-0000EA010000}"/>
            </a:ext>
          </a:extLst>
        </xdr:cNvPr>
        <xdr:cNvSpPr txBox="1"/>
      </xdr:nvSpPr>
      <xdr:spPr>
        <a:xfrm>
          <a:off x="10528300" y="16624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70881</xdr:rowOff>
    </xdr:from>
    <xdr:to>
      <xdr:col>50</xdr:col>
      <xdr:colOff>165100</xdr:colOff>
      <xdr:row>97</xdr:row>
      <xdr:rowOff>101031</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9588500" y="16630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2158</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9372111" y="16722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51127</xdr:rowOff>
    </xdr:from>
    <xdr:to>
      <xdr:col>46</xdr:col>
      <xdr:colOff>38100</xdr:colOff>
      <xdr:row>97</xdr:row>
      <xdr:rowOff>152727</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8699500" y="16681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3854</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8483111" y="16774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39567</xdr:rowOff>
    </xdr:from>
    <xdr:to>
      <xdr:col>41</xdr:col>
      <xdr:colOff>101600</xdr:colOff>
      <xdr:row>97</xdr:row>
      <xdr:rowOff>141167</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7810500" y="16670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32294</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7594111" y="1676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8661</xdr:rowOff>
    </xdr:from>
    <xdr:to>
      <xdr:col>36</xdr:col>
      <xdr:colOff>165100</xdr:colOff>
      <xdr:row>98</xdr:row>
      <xdr:rowOff>18811</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6921500" y="16719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938</xdr:rowOff>
    </xdr:from>
    <xdr:ext cx="534377"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6705111" y="16812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消防費グラフ枠">
          <a:extLst>
            <a:ext uri="{FF2B5EF4-FFF2-40B4-BE49-F238E27FC236}">
              <a16:creationId xmlns:a16="http://schemas.microsoft.com/office/drawing/2014/main" id="{00000000-0008-0000-0700-00000A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9441</xdr:rowOff>
    </xdr:from>
    <xdr:to>
      <xdr:col>85</xdr:col>
      <xdr:colOff>126364</xdr:colOff>
      <xdr:row>39</xdr:row>
      <xdr:rowOff>37440</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6317595" y="5364391"/>
          <a:ext cx="1269" cy="1359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1267</xdr:rowOff>
    </xdr:from>
    <xdr:ext cx="534377" cy="259045"/>
    <xdr:sp macro="" textlink="">
      <xdr:nvSpPr>
        <xdr:cNvPr id="524" name="消防費最小値テキスト">
          <a:extLst>
            <a:ext uri="{FF2B5EF4-FFF2-40B4-BE49-F238E27FC236}">
              <a16:creationId xmlns:a16="http://schemas.microsoft.com/office/drawing/2014/main" id="{00000000-0008-0000-0700-00000C020000}"/>
            </a:ext>
          </a:extLst>
        </xdr:cNvPr>
        <xdr:cNvSpPr txBox="1"/>
      </xdr:nvSpPr>
      <xdr:spPr>
        <a:xfrm>
          <a:off x="16370300" y="6727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37440</xdr:rowOff>
    </xdr:from>
    <xdr:to>
      <xdr:col>86</xdr:col>
      <xdr:colOff>25400</xdr:colOff>
      <xdr:row>39</xdr:row>
      <xdr:rowOff>37440</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a:off x="16230600" y="6723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7568</xdr:rowOff>
    </xdr:from>
    <xdr:ext cx="534377" cy="259045"/>
    <xdr:sp macro="" textlink="">
      <xdr:nvSpPr>
        <xdr:cNvPr id="526" name="消防費最大値テキスト">
          <a:extLst>
            <a:ext uri="{FF2B5EF4-FFF2-40B4-BE49-F238E27FC236}">
              <a16:creationId xmlns:a16="http://schemas.microsoft.com/office/drawing/2014/main" id="{00000000-0008-0000-0700-00000E020000}"/>
            </a:ext>
          </a:extLst>
        </xdr:cNvPr>
        <xdr:cNvSpPr txBox="1"/>
      </xdr:nvSpPr>
      <xdr:spPr>
        <a:xfrm>
          <a:off x="16370300" y="5139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5,86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9441</xdr:rowOff>
    </xdr:from>
    <xdr:to>
      <xdr:col>86</xdr:col>
      <xdr:colOff>25400</xdr:colOff>
      <xdr:row>31</xdr:row>
      <xdr:rowOff>49441</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a:off x="16230600" y="5364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37528</xdr:rowOff>
    </xdr:from>
    <xdr:to>
      <xdr:col>85</xdr:col>
      <xdr:colOff>127000</xdr:colOff>
      <xdr:row>37</xdr:row>
      <xdr:rowOff>134290</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flipV="1">
          <a:off x="15481300" y="6309728"/>
          <a:ext cx="838200" cy="168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317</xdr:rowOff>
    </xdr:from>
    <xdr:ext cx="534377" cy="259045"/>
    <xdr:sp macro="" textlink="">
      <xdr:nvSpPr>
        <xdr:cNvPr id="529" name="消防費平均値テキスト">
          <a:extLst>
            <a:ext uri="{FF2B5EF4-FFF2-40B4-BE49-F238E27FC236}">
              <a16:creationId xmlns:a16="http://schemas.microsoft.com/office/drawing/2014/main" id="{00000000-0008-0000-0700-000011020000}"/>
            </a:ext>
          </a:extLst>
        </xdr:cNvPr>
        <xdr:cNvSpPr txBox="1"/>
      </xdr:nvSpPr>
      <xdr:spPr>
        <a:xfrm>
          <a:off x="16370300" y="64079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5890</xdr:rowOff>
    </xdr:from>
    <xdr:to>
      <xdr:col>85</xdr:col>
      <xdr:colOff>177800</xdr:colOff>
      <xdr:row>38</xdr:row>
      <xdr:rowOff>16040</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6268700" y="642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34290</xdr:rowOff>
    </xdr:from>
    <xdr:to>
      <xdr:col>81</xdr:col>
      <xdr:colOff>50800</xdr:colOff>
      <xdr:row>37</xdr:row>
      <xdr:rowOff>149111</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flipV="1">
          <a:off x="14592300" y="6477940"/>
          <a:ext cx="889000" cy="14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69469</xdr:rowOff>
    </xdr:from>
    <xdr:to>
      <xdr:col>81</xdr:col>
      <xdr:colOff>101600</xdr:colOff>
      <xdr:row>37</xdr:row>
      <xdr:rowOff>171069</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5430500" y="6413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6146</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5214111" y="6188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49111</xdr:rowOff>
    </xdr:from>
    <xdr:to>
      <xdr:col>76</xdr:col>
      <xdr:colOff>114300</xdr:colOff>
      <xdr:row>37</xdr:row>
      <xdr:rowOff>157759</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flipV="1">
          <a:off x="13703300" y="6492761"/>
          <a:ext cx="889000" cy="8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37046</xdr:rowOff>
    </xdr:from>
    <xdr:to>
      <xdr:col>76</xdr:col>
      <xdr:colOff>165100</xdr:colOff>
      <xdr:row>37</xdr:row>
      <xdr:rowOff>138646</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4541500" y="638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55173</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4325111" y="6155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57759</xdr:rowOff>
    </xdr:from>
    <xdr:to>
      <xdr:col>71</xdr:col>
      <xdr:colOff>177800</xdr:colOff>
      <xdr:row>38</xdr:row>
      <xdr:rowOff>67005</xdr:rowOff>
    </xdr:to>
    <xdr:cxnSp macro="">
      <xdr:nvCxnSpPr>
        <xdr:cNvPr id="537" name="直線コネクタ 536">
          <a:extLst>
            <a:ext uri="{FF2B5EF4-FFF2-40B4-BE49-F238E27FC236}">
              <a16:creationId xmlns:a16="http://schemas.microsoft.com/office/drawing/2014/main" id="{00000000-0008-0000-0700-000019020000}"/>
            </a:ext>
          </a:extLst>
        </xdr:cNvPr>
        <xdr:cNvCxnSpPr/>
      </xdr:nvCxnSpPr>
      <xdr:spPr>
        <a:xfrm flipV="1">
          <a:off x="12814300" y="6501409"/>
          <a:ext cx="889000" cy="80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54686</xdr:rowOff>
    </xdr:from>
    <xdr:to>
      <xdr:col>72</xdr:col>
      <xdr:colOff>38100</xdr:colOff>
      <xdr:row>37</xdr:row>
      <xdr:rowOff>156286</xdr:rowOff>
    </xdr:to>
    <xdr:sp macro="" textlink="">
      <xdr:nvSpPr>
        <xdr:cNvPr id="538" name="フローチャート: 判断 537">
          <a:extLst>
            <a:ext uri="{FF2B5EF4-FFF2-40B4-BE49-F238E27FC236}">
              <a16:creationId xmlns:a16="http://schemas.microsoft.com/office/drawing/2014/main" id="{00000000-0008-0000-0700-00001A020000}"/>
            </a:ext>
          </a:extLst>
        </xdr:cNvPr>
        <xdr:cNvSpPr/>
      </xdr:nvSpPr>
      <xdr:spPr>
        <a:xfrm>
          <a:off x="13652500" y="6398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363</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3436111" y="6173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7432</xdr:rowOff>
    </xdr:from>
    <xdr:to>
      <xdr:col>67</xdr:col>
      <xdr:colOff>101600</xdr:colOff>
      <xdr:row>38</xdr:row>
      <xdr:rowOff>7582</xdr:rowOff>
    </xdr:to>
    <xdr:sp macro="" textlink="">
      <xdr:nvSpPr>
        <xdr:cNvPr id="540" name="フローチャート: 判断 539">
          <a:extLst>
            <a:ext uri="{FF2B5EF4-FFF2-40B4-BE49-F238E27FC236}">
              <a16:creationId xmlns:a16="http://schemas.microsoft.com/office/drawing/2014/main" id="{00000000-0008-0000-0700-00001C020000}"/>
            </a:ext>
          </a:extLst>
        </xdr:cNvPr>
        <xdr:cNvSpPr/>
      </xdr:nvSpPr>
      <xdr:spPr>
        <a:xfrm>
          <a:off x="12763500" y="6421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24109</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547111" y="6196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6728</xdr:rowOff>
    </xdr:from>
    <xdr:to>
      <xdr:col>85</xdr:col>
      <xdr:colOff>177800</xdr:colOff>
      <xdr:row>37</xdr:row>
      <xdr:rowOff>16878</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6268700" y="6258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09605</xdr:rowOff>
    </xdr:from>
    <xdr:ext cx="534377" cy="259045"/>
    <xdr:sp macro="" textlink="">
      <xdr:nvSpPr>
        <xdr:cNvPr id="548" name="消防費該当値テキスト">
          <a:extLst>
            <a:ext uri="{FF2B5EF4-FFF2-40B4-BE49-F238E27FC236}">
              <a16:creationId xmlns:a16="http://schemas.microsoft.com/office/drawing/2014/main" id="{00000000-0008-0000-0700-000024020000}"/>
            </a:ext>
          </a:extLst>
        </xdr:cNvPr>
        <xdr:cNvSpPr txBox="1"/>
      </xdr:nvSpPr>
      <xdr:spPr>
        <a:xfrm>
          <a:off x="16370300" y="6110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83490</xdr:rowOff>
    </xdr:from>
    <xdr:to>
      <xdr:col>81</xdr:col>
      <xdr:colOff>101600</xdr:colOff>
      <xdr:row>38</xdr:row>
      <xdr:rowOff>13639</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5430500" y="6427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4766</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5214111" y="651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98311</xdr:rowOff>
    </xdr:from>
    <xdr:to>
      <xdr:col>76</xdr:col>
      <xdr:colOff>165100</xdr:colOff>
      <xdr:row>38</xdr:row>
      <xdr:rowOff>28460</xdr:rowOff>
    </xdr:to>
    <xdr:sp macro="" textlink="">
      <xdr:nvSpPr>
        <xdr:cNvPr id="551" name="楕円 550">
          <a:extLst>
            <a:ext uri="{FF2B5EF4-FFF2-40B4-BE49-F238E27FC236}">
              <a16:creationId xmlns:a16="http://schemas.microsoft.com/office/drawing/2014/main" id="{00000000-0008-0000-0700-000027020000}"/>
            </a:ext>
          </a:extLst>
        </xdr:cNvPr>
        <xdr:cNvSpPr/>
      </xdr:nvSpPr>
      <xdr:spPr>
        <a:xfrm>
          <a:off x="14541500" y="6441961"/>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9588</xdr:rowOff>
    </xdr:from>
    <xdr:ext cx="534377"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4325111" y="6534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06959</xdr:rowOff>
    </xdr:from>
    <xdr:to>
      <xdr:col>72</xdr:col>
      <xdr:colOff>38100</xdr:colOff>
      <xdr:row>38</xdr:row>
      <xdr:rowOff>37109</xdr:rowOff>
    </xdr:to>
    <xdr:sp macro="" textlink="">
      <xdr:nvSpPr>
        <xdr:cNvPr id="553" name="楕円 552">
          <a:extLst>
            <a:ext uri="{FF2B5EF4-FFF2-40B4-BE49-F238E27FC236}">
              <a16:creationId xmlns:a16="http://schemas.microsoft.com/office/drawing/2014/main" id="{00000000-0008-0000-0700-000029020000}"/>
            </a:ext>
          </a:extLst>
        </xdr:cNvPr>
        <xdr:cNvSpPr/>
      </xdr:nvSpPr>
      <xdr:spPr>
        <a:xfrm>
          <a:off x="13652500" y="6450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28236</xdr:rowOff>
    </xdr:from>
    <xdr:ext cx="534377"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3436111" y="6543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205</xdr:rowOff>
    </xdr:from>
    <xdr:to>
      <xdr:col>67</xdr:col>
      <xdr:colOff>101600</xdr:colOff>
      <xdr:row>38</xdr:row>
      <xdr:rowOff>117805</xdr:rowOff>
    </xdr:to>
    <xdr:sp macro="" textlink="">
      <xdr:nvSpPr>
        <xdr:cNvPr id="555" name="楕円 554">
          <a:extLst>
            <a:ext uri="{FF2B5EF4-FFF2-40B4-BE49-F238E27FC236}">
              <a16:creationId xmlns:a16="http://schemas.microsoft.com/office/drawing/2014/main" id="{00000000-0008-0000-0700-00002B020000}"/>
            </a:ext>
          </a:extLst>
        </xdr:cNvPr>
        <xdr:cNvSpPr/>
      </xdr:nvSpPr>
      <xdr:spPr>
        <a:xfrm>
          <a:off x="12763500" y="6531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08932</xdr:rowOff>
    </xdr:from>
    <xdr:ext cx="534377"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2547111" y="6624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a:extLst>
            <a:ext uri="{FF2B5EF4-FFF2-40B4-BE49-F238E27FC236}">
              <a16:creationId xmlns:a16="http://schemas.microsoft.com/office/drawing/2014/main" id="{00000000-0008-0000-0700-000034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2" name="教育費グラフ枠">
          <a:extLst>
            <a:ext uri="{FF2B5EF4-FFF2-40B4-BE49-F238E27FC236}">
              <a16:creationId xmlns:a16="http://schemas.microsoft.com/office/drawing/2014/main" id="{00000000-0008-0000-0700-00004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7969</xdr:rowOff>
    </xdr:from>
    <xdr:to>
      <xdr:col>85</xdr:col>
      <xdr:colOff>126364</xdr:colOff>
      <xdr:row>59</xdr:row>
      <xdr:rowOff>9610</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6317595" y="8710469"/>
          <a:ext cx="1269" cy="1414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3437</xdr:rowOff>
    </xdr:from>
    <xdr:ext cx="534377" cy="259045"/>
    <xdr:sp macro="" textlink="">
      <xdr:nvSpPr>
        <xdr:cNvPr id="584" name="教育費最小値テキスト">
          <a:extLst>
            <a:ext uri="{FF2B5EF4-FFF2-40B4-BE49-F238E27FC236}">
              <a16:creationId xmlns:a16="http://schemas.microsoft.com/office/drawing/2014/main" id="{00000000-0008-0000-0700-000048020000}"/>
            </a:ext>
          </a:extLst>
        </xdr:cNvPr>
        <xdr:cNvSpPr txBox="1"/>
      </xdr:nvSpPr>
      <xdr:spPr>
        <a:xfrm>
          <a:off x="16370300" y="10128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9610</xdr:rowOff>
    </xdr:from>
    <xdr:to>
      <xdr:col>86</xdr:col>
      <xdr:colOff>25400</xdr:colOff>
      <xdr:row>59</xdr:row>
      <xdr:rowOff>9610</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6230600" y="1012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84646</xdr:rowOff>
    </xdr:from>
    <xdr:ext cx="599010" cy="259045"/>
    <xdr:sp macro="" textlink="">
      <xdr:nvSpPr>
        <xdr:cNvPr id="586" name="教育費最大値テキスト">
          <a:extLst>
            <a:ext uri="{FF2B5EF4-FFF2-40B4-BE49-F238E27FC236}">
              <a16:creationId xmlns:a16="http://schemas.microsoft.com/office/drawing/2014/main" id="{00000000-0008-0000-0700-00004A020000}"/>
            </a:ext>
          </a:extLst>
        </xdr:cNvPr>
        <xdr:cNvSpPr txBox="1"/>
      </xdr:nvSpPr>
      <xdr:spPr>
        <a:xfrm>
          <a:off x="16370300" y="84856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10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7969</xdr:rowOff>
    </xdr:from>
    <xdr:to>
      <xdr:col>86</xdr:col>
      <xdr:colOff>25400</xdr:colOff>
      <xdr:row>50</xdr:row>
      <xdr:rowOff>137969</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a:off x="16230600" y="87104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19714</xdr:rowOff>
    </xdr:from>
    <xdr:to>
      <xdr:col>85</xdr:col>
      <xdr:colOff>127000</xdr:colOff>
      <xdr:row>58</xdr:row>
      <xdr:rowOff>23294</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5481300" y="9892364"/>
          <a:ext cx="838200" cy="7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89603</xdr:rowOff>
    </xdr:from>
    <xdr:ext cx="534377" cy="259045"/>
    <xdr:sp macro="" textlink="">
      <xdr:nvSpPr>
        <xdr:cNvPr id="589" name="教育費平均値テキスト">
          <a:extLst>
            <a:ext uri="{FF2B5EF4-FFF2-40B4-BE49-F238E27FC236}">
              <a16:creationId xmlns:a16="http://schemas.microsoft.com/office/drawing/2014/main" id="{00000000-0008-0000-0700-00004D020000}"/>
            </a:ext>
          </a:extLst>
        </xdr:cNvPr>
        <xdr:cNvSpPr txBox="1"/>
      </xdr:nvSpPr>
      <xdr:spPr>
        <a:xfrm>
          <a:off x="16370300" y="95193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66726</xdr:rowOff>
    </xdr:from>
    <xdr:to>
      <xdr:col>85</xdr:col>
      <xdr:colOff>177800</xdr:colOff>
      <xdr:row>56</xdr:row>
      <xdr:rowOff>168326</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6268700" y="9667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70626</xdr:rowOff>
    </xdr:from>
    <xdr:to>
      <xdr:col>81</xdr:col>
      <xdr:colOff>50800</xdr:colOff>
      <xdr:row>58</xdr:row>
      <xdr:rowOff>23294</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a:off x="14592300" y="9943276"/>
          <a:ext cx="889000" cy="24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78384</xdr:rowOff>
    </xdr:from>
    <xdr:to>
      <xdr:col>81</xdr:col>
      <xdr:colOff>101600</xdr:colOff>
      <xdr:row>57</xdr:row>
      <xdr:rowOff>8534</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5430500" y="967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25061</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5214111" y="9454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70496</xdr:rowOff>
    </xdr:from>
    <xdr:to>
      <xdr:col>76</xdr:col>
      <xdr:colOff>114300</xdr:colOff>
      <xdr:row>57</xdr:row>
      <xdr:rowOff>170626</xdr:rowOff>
    </xdr:to>
    <xdr:cxnSp macro="">
      <xdr:nvCxnSpPr>
        <xdr:cNvPr id="594" name="直線コネクタ 593">
          <a:extLst>
            <a:ext uri="{FF2B5EF4-FFF2-40B4-BE49-F238E27FC236}">
              <a16:creationId xmlns:a16="http://schemas.microsoft.com/office/drawing/2014/main" id="{00000000-0008-0000-0700-000052020000}"/>
            </a:ext>
          </a:extLst>
        </xdr:cNvPr>
        <xdr:cNvCxnSpPr/>
      </xdr:nvCxnSpPr>
      <xdr:spPr>
        <a:xfrm>
          <a:off x="13703300" y="9943146"/>
          <a:ext cx="889000" cy="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35208</xdr:rowOff>
    </xdr:from>
    <xdr:to>
      <xdr:col>76</xdr:col>
      <xdr:colOff>165100</xdr:colOff>
      <xdr:row>56</xdr:row>
      <xdr:rowOff>65358</xdr:rowOff>
    </xdr:to>
    <xdr:sp macro="" textlink="">
      <xdr:nvSpPr>
        <xdr:cNvPr id="595" name="フローチャート: 判断 594">
          <a:extLst>
            <a:ext uri="{FF2B5EF4-FFF2-40B4-BE49-F238E27FC236}">
              <a16:creationId xmlns:a16="http://schemas.microsoft.com/office/drawing/2014/main" id="{00000000-0008-0000-0700-000053020000}"/>
            </a:ext>
          </a:extLst>
        </xdr:cNvPr>
        <xdr:cNvSpPr/>
      </xdr:nvSpPr>
      <xdr:spPr>
        <a:xfrm>
          <a:off x="14541500" y="956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81885</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4325111" y="9340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70496</xdr:rowOff>
    </xdr:from>
    <xdr:to>
      <xdr:col>71</xdr:col>
      <xdr:colOff>177800</xdr:colOff>
      <xdr:row>59</xdr:row>
      <xdr:rowOff>11766</xdr:rowOff>
    </xdr:to>
    <xdr:cxnSp macro="">
      <xdr:nvCxnSpPr>
        <xdr:cNvPr id="597" name="直線コネクタ 596">
          <a:extLst>
            <a:ext uri="{FF2B5EF4-FFF2-40B4-BE49-F238E27FC236}">
              <a16:creationId xmlns:a16="http://schemas.microsoft.com/office/drawing/2014/main" id="{00000000-0008-0000-0700-000055020000}"/>
            </a:ext>
          </a:extLst>
        </xdr:cNvPr>
        <xdr:cNvCxnSpPr/>
      </xdr:nvCxnSpPr>
      <xdr:spPr>
        <a:xfrm flipV="1">
          <a:off x="12814300" y="9943146"/>
          <a:ext cx="889000" cy="184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63836</xdr:rowOff>
    </xdr:from>
    <xdr:to>
      <xdr:col>72</xdr:col>
      <xdr:colOff>38100</xdr:colOff>
      <xdr:row>56</xdr:row>
      <xdr:rowOff>165436</xdr:rowOff>
    </xdr:to>
    <xdr:sp macro="" textlink="">
      <xdr:nvSpPr>
        <xdr:cNvPr id="598" name="フローチャート: 判断 597">
          <a:extLst>
            <a:ext uri="{FF2B5EF4-FFF2-40B4-BE49-F238E27FC236}">
              <a16:creationId xmlns:a16="http://schemas.microsoft.com/office/drawing/2014/main" id="{00000000-0008-0000-0700-000056020000}"/>
            </a:ext>
          </a:extLst>
        </xdr:cNvPr>
        <xdr:cNvSpPr/>
      </xdr:nvSpPr>
      <xdr:spPr>
        <a:xfrm>
          <a:off x="13652500" y="9665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513</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436111" y="9440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8425</xdr:rowOff>
    </xdr:from>
    <xdr:to>
      <xdr:col>67</xdr:col>
      <xdr:colOff>101600</xdr:colOff>
      <xdr:row>57</xdr:row>
      <xdr:rowOff>68575</xdr:rowOff>
    </xdr:to>
    <xdr:sp macro="" textlink="">
      <xdr:nvSpPr>
        <xdr:cNvPr id="600" name="フローチャート: 判断 599">
          <a:extLst>
            <a:ext uri="{FF2B5EF4-FFF2-40B4-BE49-F238E27FC236}">
              <a16:creationId xmlns:a16="http://schemas.microsoft.com/office/drawing/2014/main" id="{00000000-0008-0000-0700-000058020000}"/>
            </a:ext>
          </a:extLst>
        </xdr:cNvPr>
        <xdr:cNvSpPr/>
      </xdr:nvSpPr>
      <xdr:spPr>
        <a:xfrm>
          <a:off x="12763500" y="9739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85102</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547111" y="9514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68914</xdr:rowOff>
    </xdr:from>
    <xdr:to>
      <xdr:col>85</xdr:col>
      <xdr:colOff>177800</xdr:colOff>
      <xdr:row>57</xdr:row>
      <xdr:rowOff>170514</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6268700" y="9841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47341</xdr:rowOff>
    </xdr:from>
    <xdr:ext cx="534377" cy="259045"/>
    <xdr:sp macro="" textlink="">
      <xdr:nvSpPr>
        <xdr:cNvPr id="608" name="教育費該当値テキスト">
          <a:extLst>
            <a:ext uri="{FF2B5EF4-FFF2-40B4-BE49-F238E27FC236}">
              <a16:creationId xmlns:a16="http://schemas.microsoft.com/office/drawing/2014/main" id="{00000000-0008-0000-0700-000060020000}"/>
            </a:ext>
          </a:extLst>
        </xdr:cNvPr>
        <xdr:cNvSpPr txBox="1"/>
      </xdr:nvSpPr>
      <xdr:spPr>
        <a:xfrm>
          <a:off x="16370300" y="9819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43944</xdr:rowOff>
    </xdr:from>
    <xdr:to>
      <xdr:col>81</xdr:col>
      <xdr:colOff>101600</xdr:colOff>
      <xdr:row>58</xdr:row>
      <xdr:rowOff>74094</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5430500" y="9916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65221</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5214111" y="10009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19826</xdr:rowOff>
    </xdr:from>
    <xdr:to>
      <xdr:col>76</xdr:col>
      <xdr:colOff>165100</xdr:colOff>
      <xdr:row>58</xdr:row>
      <xdr:rowOff>49976</xdr:rowOff>
    </xdr:to>
    <xdr:sp macro="" textlink="">
      <xdr:nvSpPr>
        <xdr:cNvPr id="611" name="楕円 610">
          <a:extLst>
            <a:ext uri="{FF2B5EF4-FFF2-40B4-BE49-F238E27FC236}">
              <a16:creationId xmlns:a16="http://schemas.microsoft.com/office/drawing/2014/main" id="{00000000-0008-0000-0700-000063020000}"/>
            </a:ext>
          </a:extLst>
        </xdr:cNvPr>
        <xdr:cNvSpPr/>
      </xdr:nvSpPr>
      <xdr:spPr>
        <a:xfrm>
          <a:off x="14541500" y="9892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41103</xdr:rowOff>
    </xdr:from>
    <xdr:ext cx="534377"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4325111" y="9985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19696</xdr:rowOff>
    </xdr:from>
    <xdr:to>
      <xdr:col>72</xdr:col>
      <xdr:colOff>38100</xdr:colOff>
      <xdr:row>58</xdr:row>
      <xdr:rowOff>49846</xdr:rowOff>
    </xdr:to>
    <xdr:sp macro="" textlink="">
      <xdr:nvSpPr>
        <xdr:cNvPr id="613" name="楕円 612">
          <a:extLst>
            <a:ext uri="{FF2B5EF4-FFF2-40B4-BE49-F238E27FC236}">
              <a16:creationId xmlns:a16="http://schemas.microsoft.com/office/drawing/2014/main" id="{00000000-0008-0000-0700-000065020000}"/>
            </a:ext>
          </a:extLst>
        </xdr:cNvPr>
        <xdr:cNvSpPr/>
      </xdr:nvSpPr>
      <xdr:spPr>
        <a:xfrm>
          <a:off x="13652500" y="9892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40973</xdr:rowOff>
    </xdr:from>
    <xdr:ext cx="534377"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3436111" y="9985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32416</xdr:rowOff>
    </xdr:from>
    <xdr:to>
      <xdr:col>67</xdr:col>
      <xdr:colOff>101600</xdr:colOff>
      <xdr:row>59</xdr:row>
      <xdr:rowOff>62566</xdr:rowOff>
    </xdr:to>
    <xdr:sp macro="" textlink="">
      <xdr:nvSpPr>
        <xdr:cNvPr id="615" name="楕円 614">
          <a:extLst>
            <a:ext uri="{FF2B5EF4-FFF2-40B4-BE49-F238E27FC236}">
              <a16:creationId xmlns:a16="http://schemas.microsoft.com/office/drawing/2014/main" id="{00000000-0008-0000-0700-000067020000}"/>
            </a:ext>
          </a:extLst>
        </xdr:cNvPr>
        <xdr:cNvSpPr/>
      </xdr:nvSpPr>
      <xdr:spPr>
        <a:xfrm>
          <a:off x="12763500" y="10076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53693</xdr:rowOff>
    </xdr:from>
    <xdr:ext cx="534377"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547111" y="10169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1" name="正方形/長方形 620">
          <a:extLst>
            <a:ext uri="{FF2B5EF4-FFF2-40B4-BE49-F238E27FC236}">
              <a16:creationId xmlns:a16="http://schemas.microsoft.com/office/drawing/2014/main" id="{00000000-0008-0000-0700-00006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2" name="正方形/長方形 621">
          <a:extLst>
            <a:ext uri="{FF2B5EF4-FFF2-40B4-BE49-F238E27FC236}">
              <a16:creationId xmlns:a16="http://schemas.microsoft.com/office/drawing/2014/main" id="{00000000-0008-0000-0700-00006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3" name="正方形/長方形 622">
          <a:extLst>
            <a:ext uri="{FF2B5EF4-FFF2-40B4-BE49-F238E27FC236}">
              <a16:creationId xmlns:a16="http://schemas.microsoft.com/office/drawing/2014/main" id="{00000000-0008-0000-0700-00006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4" name="正方形/長方形 623">
          <a:extLst>
            <a:ext uri="{FF2B5EF4-FFF2-40B4-BE49-F238E27FC236}">
              <a16:creationId xmlns:a16="http://schemas.microsoft.com/office/drawing/2014/main" id="{00000000-0008-0000-0700-00007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1" name="災害復旧費グラフ枠">
          <a:extLst>
            <a:ext uri="{FF2B5EF4-FFF2-40B4-BE49-F238E27FC236}">
              <a16:creationId xmlns:a16="http://schemas.microsoft.com/office/drawing/2014/main" id="{00000000-0008-0000-0700-00008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839</xdr:rowOff>
    </xdr:from>
    <xdr:to>
      <xdr:col>85</xdr:col>
      <xdr:colOff>126364</xdr:colOff>
      <xdr:row>79</xdr:row>
      <xdr:rowOff>9887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flipV="1">
          <a:off x="16317595" y="12182789"/>
          <a:ext cx="1269" cy="146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24996</xdr:rowOff>
    </xdr:from>
    <xdr:ext cx="249299" cy="259045"/>
    <xdr:sp macro="" textlink="">
      <xdr:nvSpPr>
        <xdr:cNvPr id="643" name="災害復旧費最小値テキスト">
          <a:extLst>
            <a:ext uri="{FF2B5EF4-FFF2-40B4-BE49-F238E27FC236}">
              <a16:creationId xmlns:a16="http://schemas.microsoft.com/office/drawing/2014/main" id="{00000000-0008-0000-0700-000083020000}"/>
            </a:ext>
          </a:extLst>
        </xdr:cNvPr>
        <xdr:cNvSpPr txBox="1"/>
      </xdr:nvSpPr>
      <xdr:spPr>
        <a:xfrm>
          <a:off x="16370300" y="136695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7966</xdr:rowOff>
    </xdr:from>
    <xdr:ext cx="534377" cy="259045"/>
    <xdr:sp macro="" textlink="">
      <xdr:nvSpPr>
        <xdr:cNvPr id="645" name="災害復旧費最大値テキスト">
          <a:extLst>
            <a:ext uri="{FF2B5EF4-FFF2-40B4-BE49-F238E27FC236}">
              <a16:creationId xmlns:a16="http://schemas.microsoft.com/office/drawing/2014/main" id="{00000000-0008-0000-0700-000085020000}"/>
            </a:ext>
          </a:extLst>
        </xdr:cNvPr>
        <xdr:cNvSpPr txBox="1"/>
      </xdr:nvSpPr>
      <xdr:spPr>
        <a:xfrm>
          <a:off x="16370300" y="11958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45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839</xdr:rowOff>
    </xdr:from>
    <xdr:to>
      <xdr:col>86</xdr:col>
      <xdr:colOff>25400</xdr:colOff>
      <xdr:row>71</xdr:row>
      <xdr:rowOff>9839</xdr:rowOff>
    </xdr:to>
    <xdr:cxnSp macro="">
      <xdr:nvCxnSpPr>
        <xdr:cNvPr id="646" name="直線コネクタ 645">
          <a:extLst>
            <a:ext uri="{FF2B5EF4-FFF2-40B4-BE49-F238E27FC236}">
              <a16:creationId xmlns:a16="http://schemas.microsoft.com/office/drawing/2014/main" id="{00000000-0008-0000-0700-000086020000}"/>
            </a:ext>
          </a:extLst>
        </xdr:cNvPr>
        <xdr:cNvCxnSpPr/>
      </xdr:nvCxnSpPr>
      <xdr:spPr>
        <a:xfrm>
          <a:off x="16230600" y="12182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2446</xdr:rowOff>
    </xdr:from>
    <xdr:ext cx="469744" cy="259045"/>
    <xdr:sp macro="" textlink="">
      <xdr:nvSpPr>
        <xdr:cNvPr id="648" name="災害復旧費平均値テキスト">
          <a:extLst>
            <a:ext uri="{FF2B5EF4-FFF2-40B4-BE49-F238E27FC236}">
              <a16:creationId xmlns:a16="http://schemas.microsoft.com/office/drawing/2014/main" id="{00000000-0008-0000-0700-000088020000}"/>
            </a:ext>
          </a:extLst>
        </xdr:cNvPr>
        <xdr:cNvSpPr txBox="1"/>
      </xdr:nvSpPr>
      <xdr:spPr>
        <a:xfrm>
          <a:off x="16370300" y="134155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9569</xdr:rowOff>
    </xdr:from>
    <xdr:to>
      <xdr:col>85</xdr:col>
      <xdr:colOff>177800</xdr:colOff>
      <xdr:row>79</xdr:row>
      <xdr:rowOff>121169</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6268700" y="13564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50" name="直線コネクタ 649">
          <a:extLst>
            <a:ext uri="{FF2B5EF4-FFF2-40B4-BE49-F238E27FC236}">
              <a16:creationId xmlns:a16="http://schemas.microsoft.com/office/drawing/2014/main" id="{00000000-0008-0000-0700-00008A020000}"/>
            </a:ext>
          </a:extLst>
        </xdr:cNvPr>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11813</xdr:rowOff>
    </xdr:from>
    <xdr:to>
      <xdr:col>81</xdr:col>
      <xdr:colOff>101600</xdr:colOff>
      <xdr:row>79</xdr:row>
      <xdr:rowOff>113413</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5430500" y="13556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29940</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5246428" y="13331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53" name="直線コネクタ 652">
          <a:extLst>
            <a:ext uri="{FF2B5EF4-FFF2-40B4-BE49-F238E27FC236}">
              <a16:creationId xmlns:a16="http://schemas.microsoft.com/office/drawing/2014/main" id="{00000000-0008-0000-0700-00008D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21072</xdr:rowOff>
    </xdr:from>
    <xdr:to>
      <xdr:col>76</xdr:col>
      <xdr:colOff>165100</xdr:colOff>
      <xdr:row>79</xdr:row>
      <xdr:rowOff>122672</xdr:rowOff>
    </xdr:to>
    <xdr:sp macro="" textlink="">
      <xdr:nvSpPr>
        <xdr:cNvPr id="654" name="フローチャート: 判断 653">
          <a:extLst>
            <a:ext uri="{FF2B5EF4-FFF2-40B4-BE49-F238E27FC236}">
              <a16:creationId xmlns:a16="http://schemas.microsoft.com/office/drawing/2014/main" id="{00000000-0008-0000-0700-00008E020000}"/>
            </a:ext>
          </a:extLst>
        </xdr:cNvPr>
        <xdr:cNvSpPr/>
      </xdr:nvSpPr>
      <xdr:spPr>
        <a:xfrm>
          <a:off x="14541500" y="13565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39199</xdr:rowOff>
    </xdr:from>
    <xdr:ext cx="469744"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357428" y="13340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56" name="直線コネクタ 655">
          <a:extLst>
            <a:ext uri="{FF2B5EF4-FFF2-40B4-BE49-F238E27FC236}">
              <a16:creationId xmlns:a16="http://schemas.microsoft.com/office/drawing/2014/main" id="{00000000-0008-0000-0700-000090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5013</xdr:rowOff>
    </xdr:from>
    <xdr:to>
      <xdr:col>72</xdr:col>
      <xdr:colOff>38100</xdr:colOff>
      <xdr:row>79</xdr:row>
      <xdr:rowOff>116613</xdr:rowOff>
    </xdr:to>
    <xdr:sp macro="" textlink="">
      <xdr:nvSpPr>
        <xdr:cNvPr id="657" name="フローチャート: 判断 656">
          <a:extLst>
            <a:ext uri="{FF2B5EF4-FFF2-40B4-BE49-F238E27FC236}">
              <a16:creationId xmlns:a16="http://schemas.microsoft.com/office/drawing/2014/main" id="{00000000-0008-0000-0700-000091020000}"/>
            </a:ext>
          </a:extLst>
        </xdr:cNvPr>
        <xdr:cNvSpPr/>
      </xdr:nvSpPr>
      <xdr:spPr>
        <a:xfrm>
          <a:off x="13652500" y="13559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33140</xdr:rowOff>
    </xdr:from>
    <xdr:ext cx="469744"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468428" y="13334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23684</xdr:rowOff>
    </xdr:from>
    <xdr:to>
      <xdr:col>67</xdr:col>
      <xdr:colOff>101600</xdr:colOff>
      <xdr:row>79</xdr:row>
      <xdr:rowOff>125284</xdr:rowOff>
    </xdr:to>
    <xdr:sp macro="" textlink="">
      <xdr:nvSpPr>
        <xdr:cNvPr id="659" name="フローチャート: 判断 658">
          <a:extLst>
            <a:ext uri="{FF2B5EF4-FFF2-40B4-BE49-F238E27FC236}">
              <a16:creationId xmlns:a16="http://schemas.microsoft.com/office/drawing/2014/main" id="{00000000-0008-0000-0700-000093020000}"/>
            </a:ext>
          </a:extLst>
        </xdr:cNvPr>
        <xdr:cNvSpPr/>
      </xdr:nvSpPr>
      <xdr:spPr>
        <a:xfrm>
          <a:off x="12763500" y="13568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41811</xdr:rowOff>
    </xdr:from>
    <xdr:ext cx="469744"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579428" y="13343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69446</xdr:rowOff>
    </xdr:from>
    <xdr:ext cx="249299" cy="259045"/>
    <xdr:sp macro="" textlink="">
      <xdr:nvSpPr>
        <xdr:cNvPr id="667" name="災害復旧費該当値テキスト">
          <a:extLst>
            <a:ext uri="{FF2B5EF4-FFF2-40B4-BE49-F238E27FC236}">
              <a16:creationId xmlns:a16="http://schemas.microsoft.com/office/drawing/2014/main" id="{00000000-0008-0000-0700-00009B020000}"/>
            </a:ext>
          </a:extLst>
        </xdr:cNvPr>
        <xdr:cNvSpPr txBox="1"/>
      </xdr:nvSpPr>
      <xdr:spPr>
        <a:xfrm>
          <a:off x="16370300" y="135425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70" name="楕円 669">
          <a:extLst>
            <a:ext uri="{FF2B5EF4-FFF2-40B4-BE49-F238E27FC236}">
              <a16:creationId xmlns:a16="http://schemas.microsoft.com/office/drawing/2014/main" id="{00000000-0008-0000-0700-00009E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72" name="楕円 671">
          <a:extLst>
            <a:ext uri="{FF2B5EF4-FFF2-40B4-BE49-F238E27FC236}">
              <a16:creationId xmlns:a16="http://schemas.microsoft.com/office/drawing/2014/main" id="{00000000-0008-0000-0700-0000A0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74" name="楕円 673">
          <a:extLst>
            <a:ext uri="{FF2B5EF4-FFF2-40B4-BE49-F238E27FC236}">
              <a16:creationId xmlns:a16="http://schemas.microsoft.com/office/drawing/2014/main" id="{00000000-0008-0000-0700-0000A2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8" name="正方形/長方形 677">
          <a:extLst>
            <a:ext uri="{FF2B5EF4-FFF2-40B4-BE49-F238E27FC236}">
              <a16:creationId xmlns:a16="http://schemas.microsoft.com/office/drawing/2014/main" id="{00000000-0008-0000-0700-0000A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9" name="正方形/長方形 678">
          <a:extLst>
            <a:ext uri="{FF2B5EF4-FFF2-40B4-BE49-F238E27FC236}">
              <a16:creationId xmlns:a16="http://schemas.microsoft.com/office/drawing/2014/main" id="{00000000-0008-0000-0700-0000A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0" name="正方形/長方形 679">
          <a:extLst>
            <a:ext uri="{FF2B5EF4-FFF2-40B4-BE49-F238E27FC236}">
              <a16:creationId xmlns:a16="http://schemas.microsoft.com/office/drawing/2014/main" id="{00000000-0008-0000-0700-0000A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1" name="正方形/長方形 680">
          <a:extLst>
            <a:ext uri="{FF2B5EF4-FFF2-40B4-BE49-F238E27FC236}">
              <a16:creationId xmlns:a16="http://schemas.microsoft.com/office/drawing/2014/main" id="{00000000-0008-0000-0700-0000A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2" name="正方形/長方形 681">
          <a:extLst>
            <a:ext uri="{FF2B5EF4-FFF2-40B4-BE49-F238E27FC236}">
              <a16:creationId xmlns:a16="http://schemas.microsoft.com/office/drawing/2014/main" id="{00000000-0008-0000-0700-0000A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3" name="正方形/長方形 682">
          <a:extLst>
            <a:ext uri="{FF2B5EF4-FFF2-40B4-BE49-F238E27FC236}">
              <a16:creationId xmlns:a16="http://schemas.microsoft.com/office/drawing/2014/main" id="{00000000-0008-0000-0700-0000A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700" name="公債費グラフ枠">
          <a:extLst>
            <a:ext uri="{FF2B5EF4-FFF2-40B4-BE49-F238E27FC236}">
              <a16:creationId xmlns:a16="http://schemas.microsoft.com/office/drawing/2014/main" id="{00000000-0008-0000-0700-0000B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09165</xdr:rowOff>
    </xdr:from>
    <xdr:to>
      <xdr:col>85</xdr:col>
      <xdr:colOff>126364</xdr:colOff>
      <xdr:row>98</xdr:row>
      <xdr:rowOff>133038</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flipV="1">
          <a:off x="16317595" y="15368215"/>
          <a:ext cx="1269" cy="1566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6865</xdr:rowOff>
    </xdr:from>
    <xdr:ext cx="469744" cy="259045"/>
    <xdr:sp macro="" textlink="">
      <xdr:nvSpPr>
        <xdr:cNvPr id="702" name="公債費最小値テキスト">
          <a:extLst>
            <a:ext uri="{FF2B5EF4-FFF2-40B4-BE49-F238E27FC236}">
              <a16:creationId xmlns:a16="http://schemas.microsoft.com/office/drawing/2014/main" id="{00000000-0008-0000-0700-0000BE020000}"/>
            </a:ext>
          </a:extLst>
        </xdr:cNvPr>
        <xdr:cNvSpPr txBox="1"/>
      </xdr:nvSpPr>
      <xdr:spPr>
        <a:xfrm>
          <a:off x="16370300" y="16938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3038</xdr:rowOff>
    </xdr:from>
    <xdr:to>
      <xdr:col>86</xdr:col>
      <xdr:colOff>25400</xdr:colOff>
      <xdr:row>98</xdr:row>
      <xdr:rowOff>133038</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a:off x="16230600" y="1693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55842</xdr:rowOff>
    </xdr:from>
    <xdr:ext cx="599010" cy="259045"/>
    <xdr:sp macro="" textlink="">
      <xdr:nvSpPr>
        <xdr:cNvPr id="704" name="公債費最大値テキスト">
          <a:extLst>
            <a:ext uri="{FF2B5EF4-FFF2-40B4-BE49-F238E27FC236}">
              <a16:creationId xmlns:a16="http://schemas.microsoft.com/office/drawing/2014/main" id="{00000000-0008-0000-0700-0000C0020000}"/>
            </a:ext>
          </a:extLst>
        </xdr:cNvPr>
        <xdr:cNvSpPr txBox="1"/>
      </xdr:nvSpPr>
      <xdr:spPr>
        <a:xfrm>
          <a:off x="16370300" y="15143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4,37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09165</xdr:rowOff>
    </xdr:from>
    <xdr:to>
      <xdr:col>86</xdr:col>
      <xdr:colOff>25400</xdr:colOff>
      <xdr:row>89</xdr:row>
      <xdr:rowOff>109165</xdr:rowOff>
    </xdr:to>
    <xdr:cxnSp macro="">
      <xdr:nvCxnSpPr>
        <xdr:cNvPr id="705" name="直線コネクタ 704">
          <a:extLst>
            <a:ext uri="{FF2B5EF4-FFF2-40B4-BE49-F238E27FC236}">
              <a16:creationId xmlns:a16="http://schemas.microsoft.com/office/drawing/2014/main" id="{00000000-0008-0000-0700-0000C1020000}"/>
            </a:ext>
          </a:extLst>
        </xdr:cNvPr>
        <xdr:cNvCxnSpPr/>
      </xdr:nvCxnSpPr>
      <xdr:spPr>
        <a:xfrm>
          <a:off x="16230600" y="15368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31311</xdr:rowOff>
    </xdr:from>
    <xdr:to>
      <xdr:col>85</xdr:col>
      <xdr:colOff>127000</xdr:colOff>
      <xdr:row>97</xdr:row>
      <xdr:rowOff>63233</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flipV="1">
          <a:off x="15481300" y="16661961"/>
          <a:ext cx="838200" cy="31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38005</xdr:rowOff>
    </xdr:from>
    <xdr:ext cx="534377" cy="259045"/>
    <xdr:sp macro="" textlink="">
      <xdr:nvSpPr>
        <xdr:cNvPr id="707" name="公債費平均値テキスト">
          <a:extLst>
            <a:ext uri="{FF2B5EF4-FFF2-40B4-BE49-F238E27FC236}">
              <a16:creationId xmlns:a16="http://schemas.microsoft.com/office/drawing/2014/main" id="{00000000-0008-0000-0700-0000C3020000}"/>
            </a:ext>
          </a:extLst>
        </xdr:cNvPr>
        <xdr:cNvSpPr txBox="1"/>
      </xdr:nvSpPr>
      <xdr:spPr>
        <a:xfrm>
          <a:off x="16370300" y="163257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128</xdr:rowOff>
    </xdr:from>
    <xdr:to>
      <xdr:col>85</xdr:col>
      <xdr:colOff>177800</xdr:colOff>
      <xdr:row>96</xdr:row>
      <xdr:rowOff>116728</xdr:rowOff>
    </xdr:to>
    <xdr:sp macro="" textlink="">
      <xdr:nvSpPr>
        <xdr:cNvPr id="708" name="フローチャート: 判断 707">
          <a:extLst>
            <a:ext uri="{FF2B5EF4-FFF2-40B4-BE49-F238E27FC236}">
              <a16:creationId xmlns:a16="http://schemas.microsoft.com/office/drawing/2014/main" id="{00000000-0008-0000-0700-0000C4020000}"/>
            </a:ext>
          </a:extLst>
        </xdr:cNvPr>
        <xdr:cNvSpPr/>
      </xdr:nvSpPr>
      <xdr:spPr>
        <a:xfrm>
          <a:off x="16268700" y="16474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63233</xdr:rowOff>
    </xdr:from>
    <xdr:to>
      <xdr:col>81</xdr:col>
      <xdr:colOff>50800</xdr:colOff>
      <xdr:row>97</xdr:row>
      <xdr:rowOff>75234</xdr:rowOff>
    </xdr:to>
    <xdr:cxnSp macro="">
      <xdr:nvCxnSpPr>
        <xdr:cNvPr id="709" name="直線コネクタ 708">
          <a:extLst>
            <a:ext uri="{FF2B5EF4-FFF2-40B4-BE49-F238E27FC236}">
              <a16:creationId xmlns:a16="http://schemas.microsoft.com/office/drawing/2014/main" id="{00000000-0008-0000-0700-0000C5020000}"/>
            </a:ext>
          </a:extLst>
        </xdr:cNvPr>
        <xdr:cNvCxnSpPr/>
      </xdr:nvCxnSpPr>
      <xdr:spPr>
        <a:xfrm flipV="1">
          <a:off x="14592300" y="16693883"/>
          <a:ext cx="889000" cy="12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31375</xdr:rowOff>
    </xdr:from>
    <xdr:to>
      <xdr:col>81</xdr:col>
      <xdr:colOff>101600</xdr:colOff>
      <xdr:row>96</xdr:row>
      <xdr:rowOff>132975</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5430500" y="1649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49502</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5214111" y="16265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64605</xdr:rowOff>
    </xdr:from>
    <xdr:to>
      <xdr:col>76</xdr:col>
      <xdr:colOff>114300</xdr:colOff>
      <xdr:row>97</xdr:row>
      <xdr:rowOff>75234</xdr:rowOff>
    </xdr:to>
    <xdr:cxnSp macro="">
      <xdr:nvCxnSpPr>
        <xdr:cNvPr id="712" name="直線コネクタ 711">
          <a:extLst>
            <a:ext uri="{FF2B5EF4-FFF2-40B4-BE49-F238E27FC236}">
              <a16:creationId xmlns:a16="http://schemas.microsoft.com/office/drawing/2014/main" id="{00000000-0008-0000-0700-0000C8020000}"/>
            </a:ext>
          </a:extLst>
        </xdr:cNvPr>
        <xdr:cNvCxnSpPr/>
      </xdr:nvCxnSpPr>
      <xdr:spPr>
        <a:xfrm>
          <a:off x="13703300" y="16695255"/>
          <a:ext cx="889000" cy="1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2699</xdr:rowOff>
    </xdr:from>
    <xdr:to>
      <xdr:col>76</xdr:col>
      <xdr:colOff>165100</xdr:colOff>
      <xdr:row>96</xdr:row>
      <xdr:rowOff>154299</xdr:rowOff>
    </xdr:to>
    <xdr:sp macro="" textlink="">
      <xdr:nvSpPr>
        <xdr:cNvPr id="713" name="フローチャート: 判断 712">
          <a:extLst>
            <a:ext uri="{FF2B5EF4-FFF2-40B4-BE49-F238E27FC236}">
              <a16:creationId xmlns:a16="http://schemas.microsoft.com/office/drawing/2014/main" id="{00000000-0008-0000-0700-0000C9020000}"/>
            </a:ext>
          </a:extLst>
        </xdr:cNvPr>
        <xdr:cNvSpPr/>
      </xdr:nvSpPr>
      <xdr:spPr>
        <a:xfrm>
          <a:off x="145415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70826</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325111" y="1628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64605</xdr:rowOff>
    </xdr:from>
    <xdr:to>
      <xdr:col>71</xdr:col>
      <xdr:colOff>177800</xdr:colOff>
      <xdr:row>97</xdr:row>
      <xdr:rowOff>71985</xdr:rowOff>
    </xdr:to>
    <xdr:cxnSp macro="">
      <xdr:nvCxnSpPr>
        <xdr:cNvPr id="715" name="直線コネクタ 714">
          <a:extLst>
            <a:ext uri="{FF2B5EF4-FFF2-40B4-BE49-F238E27FC236}">
              <a16:creationId xmlns:a16="http://schemas.microsoft.com/office/drawing/2014/main" id="{00000000-0008-0000-0700-0000CB020000}"/>
            </a:ext>
          </a:extLst>
        </xdr:cNvPr>
        <xdr:cNvCxnSpPr/>
      </xdr:nvCxnSpPr>
      <xdr:spPr>
        <a:xfrm flipV="1">
          <a:off x="12814300" y="16695255"/>
          <a:ext cx="889000" cy="7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5287</xdr:rowOff>
    </xdr:from>
    <xdr:to>
      <xdr:col>72</xdr:col>
      <xdr:colOff>38100</xdr:colOff>
      <xdr:row>96</xdr:row>
      <xdr:rowOff>146887</xdr:rowOff>
    </xdr:to>
    <xdr:sp macro="" textlink="">
      <xdr:nvSpPr>
        <xdr:cNvPr id="716" name="フローチャート: 判断 715">
          <a:extLst>
            <a:ext uri="{FF2B5EF4-FFF2-40B4-BE49-F238E27FC236}">
              <a16:creationId xmlns:a16="http://schemas.microsoft.com/office/drawing/2014/main" id="{00000000-0008-0000-0700-0000CC020000}"/>
            </a:ext>
          </a:extLst>
        </xdr:cNvPr>
        <xdr:cNvSpPr/>
      </xdr:nvSpPr>
      <xdr:spPr>
        <a:xfrm>
          <a:off x="13652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63414</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3436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37759</xdr:rowOff>
    </xdr:from>
    <xdr:to>
      <xdr:col>67</xdr:col>
      <xdr:colOff>101600</xdr:colOff>
      <xdr:row>96</xdr:row>
      <xdr:rowOff>139359</xdr:rowOff>
    </xdr:to>
    <xdr:sp macro="" textlink="">
      <xdr:nvSpPr>
        <xdr:cNvPr id="718" name="フローチャート: 判断 717">
          <a:extLst>
            <a:ext uri="{FF2B5EF4-FFF2-40B4-BE49-F238E27FC236}">
              <a16:creationId xmlns:a16="http://schemas.microsoft.com/office/drawing/2014/main" id="{00000000-0008-0000-0700-0000CE020000}"/>
            </a:ext>
          </a:extLst>
        </xdr:cNvPr>
        <xdr:cNvSpPr/>
      </xdr:nvSpPr>
      <xdr:spPr>
        <a:xfrm>
          <a:off x="12763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5886</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2547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1961</xdr:rowOff>
    </xdr:from>
    <xdr:to>
      <xdr:col>85</xdr:col>
      <xdr:colOff>177800</xdr:colOff>
      <xdr:row>97</xdr:row>
      <xdr:rowOff>82111</xdr:rowOff>
    </xdr:to>
    <xdr:sp macro="" textlink="">
      <xdr:nvSpPr>
        <xdr:cNvPr id="725" name="楕円 724">
          <a:extLst>
            <a:ext uri="{FF2B5EF4-FFF2-40B4-BE49-F238E27FC236}">
              <a16:creationId xmlns:a16="http://schemas.microsoft.com/office/drawing/2014/main" id="{00000000-0008-0000-0700-0000D5020000}"/>
            </a:ext>
          </a:extLst>
        </xdr:cNvPr>
        <xdr:cNvSpPr/>
      </xdr:nvSpPr>
      <xdr:spPr>
        <a:xfrm>
          <a:off x="16268700" y="16611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30388</xdr:rowOff>
    </xdr:from>
    <xdr:ext cx="534377" cy="259045"/>
    <xdr:sp macro="" textlink="">
      <xdr:nvSpPr>
        <xdr:cNvPr id="726" name="公債費該当値テキスト">
          <a:extLst>
            <a:ext uri="{FF2B5EF4-FFF2-40B4-BE49-F238E27FC236}">
              <a16:creationId xmlns:a16="http://schemas.microsoft.com/office/drawing/2014/main" id="{00000000-0008-0000-0700-0000D6020000}"/>
            </a:ext>
          </a:extLst>
        </xdr:cNvPr>
        <xdr:cNvSpPr txBox="1"/>
      </xdr:nvSpPr>
      <xdr:spPr>
        <a:xfrm>
          <a:off x="16370300" y="16589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2433</xdr:rowOff>
    </xdr:from>
    <xdr:to>
      <xdr:col>81</xdr:col>
      <xdr:colOff>101600</xdr:colOff>
      <xdr:row>97</xdr:row>
      <xdr:rowOff>114033</xdr:rowOff>
    </xdr:to>
    <xdr:sp macro="" textlink="">
      <xdr:nvSpPr>
        <xdr:cNvPr id="727" name="楕円 726">
          <a:extLst>
            <a:ext uri="{FF2B5EF4-FFF2-40B4-BE49-F238E27FC236}">
              <a16:creationId xmlns:a16="http://schemas.microsoft.com/office/drawing/2014/main" id="{00000000-0008-0000-0700-0000D7020000}"/>
            </a:ext>
          </a:extLst>
        </xdr:cNvPr>
        <xdr:cNvSpPr/>
      </xdr:nvSpPr>
      <xdr:spPr>
        <a:xfrm>
          <a:off x="15430500" y="16643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05160</xdr:rowOff>
    </xdr:from>
    <xdr:ext cx="534377"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5214111" y="16735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24434</xdr:rowOff>
    </xdr:from>
    <xdr:to>
      <xdr:col>76</xdr:col>
      <xdr:colOff>165100</xdr:colOff>
      <xdr:row>97</xdr:row>
      <xdr:rowOff>126034</xdr:rowOff>
    </xdr:to>
    <xdr:sp macro="" textlink="">
      <xdr:nvSpPr>
        <xdr:cNvPr id="729" name="楕円 728">
          <a:extLst>
            <a:ext uri="{FF2B5EF4-FFF2-40B4-BE49-F238E27FC236}">
              <a16:creationId xmlns:a16="http://schemas.microsoft.com/office/drawing/2014/main" id="{00000000-0008-0000-0700-0000D9020000}"/>
            </a:ext>
          </a:extLst>
        </xdr:cNvPr>
        <xdr:cNvSpPr/>
      </xdr:nvSpPr>
      <xdr:spPr>
        <a:xfrm>
          <a:off x="14541500" y="16655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17161</xdr:rowOff>
    </xdr:from>
    <xdr:ext cx="534377"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4325111" y="16747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3805</xdr:rowOff>
    </xdr:from>
    <xdr:to>
      <xdr:col>72</xdr:col>
      <xdr:colOff>38100</xdr:colOff>
      <xdr:row>97</xdr:row>
      <xdr:rowOff>115405</xdr:rowOff>
    </xdr:to>
    <xdr:sp macro="" textlink="">
      <xdr:nvSpPr>
        <xdr:cNvPr id="731" name="楕円 730">
          <a:extLst>
            <a:ext uri="{FF2B5EF4-FFF2-40B4-BE49-F238E27FC236}">
              <a16:creationId xmlns:a16="http://schemas.microsoft.com/office/drawing/2014/main" id="{00000000-0008-0000-0700-0000DB020000}"/>
            </a:ext>
          </a:extLst>
        </xdr:cNvPr>
        <xdr:cNvSpPr/>
      </xdr:nvSpPr>
      <xdr:spPr>
        <a:xfrm>
          <a:off x="13652500" y="1664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06532</xdr:rowOff>
    </xdr:from>
    <xdr:ext cx="534377"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3436111" y="16737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1185</xdr:rowOff>
    </xdr:from>
    <xdr:to>
      <xdr:col>67</xdr:col>
      <xdr:colOff>101600</xdr:colOff>
      <xdr:row>97</xdr:row>
      <xdr:rowOff>122785</xdr:rowOff>
    </xdr:to>
    <xdr:sp macro="" textlink="">
      <xdr:nvSpPr>
        <xdr:cNvPr id="733" name="楕円 732">
          <a:extLst>
            <a:ext uri="{FF2B5EF4-FFF2-40B4-BE49-F238E27FC236}">
              <a16:creationId xmlns:a16="http://schemas.microsoft.com/office/drawing/2014/main" id="{00000000-0008-0000-0700-0000DD020000}"/>
            </a:ext>
          </a:extLst>
        </xdr:cNvPr>
        <xdr:cNvSpPr/>
      </xdr:nvSpPr>
      <xdr:spPr>
        <a:xfrm>
          <a:off x="12763500" y="16651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13912</xdr:rowOff>
    </xdr:from>
    <xdr:ext cx="534377"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2547111" y="16744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7" name="正方形/長方形 736">
          <a:extLst>
            <a:ext uri="{FF2B5EF4-FFF2-40B4-BE49-F238E27FC236}">
              <a16:creationId xmlns:a16="http://schemas.microsoft.com/office/drawing/2014/main" id="{00000000-0008-0000-0700-0000E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8" name="正方形/長方形 737">
          <a:extLst>
            <a:ext uri="{FF2B5EF4-FFF2-40B4-BE49-F238E27FC236}">
              <a16:creationId xmlns:a16="http://schemas.microsoft.com/office/drawing/2014/main" id="{00000000-0008-0000-0700-0000E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9" name="正方形/長方形 738">
          <a:extLst>
            <a:ext uri="{FF2B5EF4-FFF2-40B4-BE49-F238E27FC236}">
              <a16:creationId xmlns:a16="http://schemas.microsoft.com/office/drawing/2014/main" id="{00000000-0008-0000-0700-0000E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40" name="正方形/長方形 739">
          <a:extLst>
            <a:ext uri="{FF2B5EF4-FFF2-40B4-BE49-F238E27FC236}">
              <a16:creationId xmlns:a16="http://schemas.microsoft.com/office/drawing/2014/main" id="{00000000-0008-0000-0700-0000E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1" name="正方形/長方形 740">
          <a:extLst>
            <a:ext uri="{FF2B5EF4-FFF2-40B4-BE49-F238E27FC236}">
              <a16:creationId xmlns:a16="http://schemas.microsoft.com/office/drawing/2014/main" id="{00000000-0008-0000-0700-0000E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2" name="正方形/長方形 741">
          <a:extLst>
            <a:ext uri="{FF2B5EF4-FFF2-40B4-BE49-F238E27FC236}">
              <a16:creationId xmlns:a16="http://schemas.microsoft.com/office/drawing/2014/main" id="{00000000-0008-0000-0700-0000E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9" name="諸支出金グラフ枠">
          <a:extLst>
            <a:ext uri="{FF2B5EF4-FFF2-40B4-BE49-F238E27FC236}">
              <a16:creationId xmlns:a16="http://schemas.microsoft.com/office/drawing/2014/main" id="{00000000-0008-0000-0700-0000F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4994</xdr:rowOff>
    </xdr:from>
    <xdr:to>
      <xdr:col>116</xdr:col>
      <xdr:colOff>62864</xdr:colOff>
      <xdr:row>39</xdr:row>
      <xdr:rowOff>98878</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flipV="1">
          <a:off x="22159595" y="5359944"/>
          <a:ext cx="1269" cy="14254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35544</xdr:rowOff>
    </xdr:from>
    <xdr:ext cx="249299" cy="259045"/>
    <xdr:sp macro="" textlink="">
      <xdr:nvSpPr>
        <xdr:cNvPr id="761" name="諸支出金最小値テキスト">
          <a:extLst>
            <a:ext uri="{FF2B5EF4-FFF2-40B4-BE49-F238E27FC236}">
              <a16:creationId xmlns:a16="http://schemas.microsoft.com/office/drawing/2014/main" id="{00000000-0008-0000-0700-0000F9020000}"/>
            </a:ext>
          </a:extLst>
        </xdr:cNvPr>
        <xdr:cNvSpPr txBox="1"/>
      </xdr:nvSpPr>
      <xdr:spPr>
        <a:xfrm>
          <a:off x="22212300" y="68220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2" name="直線コネクタ 761">
          <a:extLst>
            <a:ext uri="{FF2B5EF4-FFF2-40B4-BE49-F238E27FC236}">
              <a16:creationId xmlns:a16="http://schemas.microsoft.com/office/drawing/2014/main" id="{00000000-0008-0000-0700-0000FA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3121</xdr:rowOff>
    </xdr:from>
    <xdr:ext cx="469744" cy="259045"/>
    <xdr:sp macro="" textlink="">
      <xdr:nvSpPr>
        <xdr:cNvPr id="763" name="諸支出金最大値テキスト">
          <a:extLst>
            <a:ext uri="{FF2B5EF4-FFF2-40B4-BE49-F238E27FC236}">
              <a16:creationId xmlns:a16="http://schemas.microsoft.com/office/drawing/2014/main" id="{00000000-0008-0000-0700-0000FB020000}"/>
            </a:ext>
          </a:extLst>
        </xdr:cNvPr>
        <xdr:cNvSpPr txBox="1"/>
      </xdr:nvSpPr>
      <xdr:spPr>
        <a:xfrm>
          <a:off x="22212300" y="5135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3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4994</xdr:rowOff>
    </xdr:from>
    <xdr:to>
      <xdr:col>116</xdr:col>
      <xdr:colOff>152400</xdr:colOff>
      <xdr:row>31</xdr:row>
      <xdr:rowOff>44994</xdr:rowOff>
    </xdr:to>
    <xdr:cxnSp macro="">
      <xdr:nvCxnSpPr>
        <xdr:cNvPr id="764" name="直線コネクタ 763">
          <a:extLst>
            <a:ext uri="{FF2B5EF4-FFF2-40B4-BE49-F238E27FC236}">
              <a16:creationId xmlns:a16="http://schemas.microsoft.com/office/drawing/2014/main" id="{00000000-0008-0000-0700-0000FC020000}"/>
            </a:ext>
          </a:extLst>
        </xdr:cNvPr>
        <xdr:cNvCxnSpPr/>
      </xdr:nvCxnSpPr>
      <xdr:spPr>
        <a:xfrm>
          <a:off x="22072600" y="535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65" name="直線コネクタ 764">
          <a:extLst>
            <a:ext uri="{FF2B5EF4-FFF2-40B4-BE49-F238E27FC236}">
              <a16:creationId xmlns:a16="http://schemas.microsoft.com/office/drawing/2014/main" id="{00000000-0008-0000-0700-0000FD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52994</xdr:rowOff>
    </xdr:from>
    <xdr:ext cx="378565" cy="259045"/>
    <xdr:sp macro="" textlink="">
      <xdr:nvSpPr>
        <xdr:cNvPr id="766" name="諸支出金平均値テキスト">
          <a:extLst>
            <a:ext uri="{FF2B5EF4-FFF2-40B4-BE49-F238E27FC236}">
              <a16:creationId xmlns:a16="http://schemas.microsoft.com/office/drawing/2014/main" id="{00000000-0008-0000-0700-0000FE020000}"/>
            </a:ext>
          </a:extLst>
        </xdr:cNvPr>
        <xdr:cNvSpPr txBox="1"/>
      </xdr:nvSpPr>
      <xdr:spPr>
        <a:xfrm>
          <a:off x="22212300" y="65680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0117</xdr:rowOff>
    </xdr:from>
    <xdr:to>
      <xdr:col>116</xdr:col>
      <xdr:colOff>114300</xdr:colOff>
      <xdr:row>39</xdr:row>
      <xdr:rowOff>131717</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22110700" y="671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8" name="直線コネクタ 767">
          <a:extLst>
            <a:ext uri="{FF2B5EF4-FFF2-40B4-BE49-F238E27FC236}">
              <a16:creationId xmlns:a16="http://schemas.microsoft.com/office/drawing/2014/main" id="{00000000-0008-0000-0700-00000003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38608</xdr:rowOff>
    </xdr:from>
    <xdr:to>
      <xdr:col>112</xdr:col>
      <xdr:colOff>38100</xdr:colOff>
      <xdr:row>39</xdr:row>
      <xdr:rowOff>140208</xdr:rowOff>
    </xdr:to>
    <xdr:sp macro="" textlink="">
      <xdr:nvSpPr>
        <xdr:cNvPr id="769" name="フローチャート: 判断 768">
          <a:extLst>
            <a:ext uri="{FF2B5EF4-FFF2-40B4-BE49-F238E27FC236}">
              <a16:creationId xmlns:a16="http://schemas.microsoft.com/office/drawing/2014/main" id="{00000000-0008-0000-0700-000001030000}"/>
            </a:ext>
          </a:extLst>
        </xdr:cNvPr>
        <xdr:cNvSpPr/>
      </xdr:nvSpPr>
      <xdr:spPr>
        <a:xfrm>
          <a:off x="21272500" y="6725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56735</xdr:rowOff>
    </xdr:from>
    <xdr:ext cx="313932"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66333" y="650038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71" name="直線コネクタ 770">
          <a:extLst>
            <a:ext uri="{FF2B5EF4-FFF2-40B4-BE49-F238E27FC236}">
              <a16:creationId xmlns:a16="http://schemas.microsoft.com/office/drawing/2014/main" id="{00000000-0008-0000-0700-00000303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42037</xdr:rowOff>
    </xdr:from>
    <xdr:to>
      <xdr:col>107</xdr:col>
      <xdr:colOff>101600</xdr:colOff>
      <xdr:row>39</xdr:row>
      <xdr:rowOff>143637</xdr:rowOff>
    </xdr:to>
    <xdr:sp macro="" textlink="">
      <xdr:nvSpPr>
        <xdr:cNvPr id="772" name="フローチャート: 判断 771">
          <a:extLst>
            <a:ext uri="{FF2B5EF4-FFF2-40B4-BE49-F238E27FC236}">
              <a16:creationId xmlns:a16="http://schemas.microsoft.com/office/drawing/2014/main" id="{00000000-0008-0000-0700-000004030000}"/>
            </a:ext>
          </a:extLst>
        </xdr:cNvPr>
        <xdr:cNvSpPr/>
      </xdr:nvSpPr>
      <xdr:spPr>
        <a:xfrm>
          <a:off x="20383500" y="672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60164</xdr:rowOff>
    </xdr:from>
    <xdr:ext cx="313932"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0277333" y="650381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74" name="直線コネクタ 773">
          <a:extLst>
            <a:ext uri="{FF2B5EF4-FFF2-40B4-BE49-F238E27FC236}">
              <a16:creationId xmlns:a16="http://schemas.microsoft.com/office/drawing/2014/main" id="{00000000-0008-0000-0700-00000603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34852</xdr:rowOff>
    </xdr:from>
    <xdr:to>
      <xdr:col>102</xdr:col>
      <xdr:colOff>165100</xdr:colOff>
      <xdr:row>39</xdr:row>
      <xdr:rowOff>136452</xdr:rowOff>
    </xdr:to>
    <xdr:sp macro="" textlink="">
      <xdr:nvSpPr>
        <xdr:cNvPr id="775" name="フローチャート: 判断 774">
          <a:extLst>
            <a:ext uri="{FF2B5EF4-FFF2-40B4-BE49-F238E27FC236}">
              <a16:creationId xmlns:a16="http://schemas.microsoft.com/office/drawing/2014/main" id="{00000000-0008-0000-0700-000007030000}"/>
            </a:ext>
          </a:extLst>
        </xdr:cNvPr>
        <xdr:cNvSpPr/>
      </xdr:nvSpPr>
      <xdr:spPr>
        <a:xfrm>
          <a:off x="19494500" y="672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52979</xdr:rowOff>
    </xdr:from>
    <xdr:ext cx="313932"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9388333" y="64966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3833</xdr:rowOff>
    </xdr:from>
    <xdr:to>
      <xdr:col>98</xdr:col>
      <xdr:colOff>38100</xdr:colOff>
      <xdr:row>39</xdr:row>
      <xdr:rowOff>145433</xdr:rowOff>
    </xdr:to>
    <xdr:sp macro="" textlink="">
      <xdr:nvSpPr>
        <xdr:cNvPr id="777" name="フローチャート: 判断 776">
          <a:extLst>
            <a:ext uri="{FF2B5EF4-FFF2-40B4-BE49-F238E27FC236}">
              <a16:creationId xmlns:a16="http://schemas.microsoft.com/office/drawing/2014/main" id="{00000000-0008-0000-0700-000009030000}"/>
            </a:ext>
          </a:extLst>
        </xdr:cNvPr>
        <xdr:cNvSpPr/>
      </xdr:nvSpPr>
      <xdr:spPr>
        <a:xfrm>
          <a:off x="18605500" y="6730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61960</xdr:rowOff>
    </xdr:from>
    <xdr:ext cx="313932"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499333" y="650561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84" name="楕円 783">
          <a:extLst>
            <a:ext uri="{FF2B5EF4-FFF2-40B4-BE49-F238E27FC236}">
              <a16:creationId xmlns:a16="http://schemas.microsoft.com/office/drawing/2014/main" id="{00000000-0008-0000-0700-000010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9</xdr:row>
      <xdr:rowOff>8544</xdr:rowOff>
    </xdr:from>
    <xdr:ext cx="249299" cy="259045"/>
    <xdr:sp macro="" textlink="">
      <xdr:nvSpPr>
        <xdr:cNvPr id="785" name="諸支出金該当値テキスト">
          <a:extLst>
            <a:ext uri="{FF2B5EF4-FFF2-40B4-BE49-F238E27FC236}">
              <a16:creationId xmlns:a16="http://schemas.microsoft.com/office/drawing/2014/main" id="{00000000-0008-0000-0700-000011030000}"/>
            </a:ext>
          </a:extLst>
        </xdr:cNvPr>
        <xdr:cNvSpPr txBox="1"/>
      </xdr:nvSpPr>
      <xdr:spPr>
        <a:xfrm>
          <a:off x="22212300" y="66950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6" name="楕円 785">
          <a:extLst>
            <a:ext uri="{FF2B5EF4-FFF2-40B4-BE49-F238E27FC236}">
              <a16:creationId xmlns:a16="http://schemas.microsoft.com/office/drawing/2014/main" id="{00000000-0008-0000-0700-000012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8" name="楕円 787">
          <a:extLst>
            <a:ext uri="{FF2B5EF4-FFF2-40B4-BE49-F238E27FC236}">
              <a16:creationId xmlns:a16="http://schemas.microsoft.com/office/drawing/2014/main" id="{00000000-0008-0000-0700-000014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90" name="楕円 789">
          <a:extLst>
            <a:ext uri="{FF2B5EF4-FFF2-40B4-BE49-F238E27FC236}">
              <a16:creationId xmlns:a16="http://schemas.microsoft.com/office/drawing/2014/main" id="{00000000-0008-0000-0700-000016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92" name="楕円 791">
          <a:extLst>
            <a:ext uri="{FF2B5EF4-FFF2-40B4-BE49-F238E27FC236}">
              <a16:creationId xmlns:a16="http://schemas.microsoft.com/office/drawing/2014/main" id="{00000000-0008-0000-0700-000018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4" name="正方形/長方形 793">
          <a:extLst>
            <a:ext uri="{FF2B5EF4-FFF2-40B4-BE49-F238E27FC236}">
              <a16:creationId xmlns:a16="http://schemas.microsoft.com/office/drawing/2014/main" id="{00000000-0008-0000-0700-00001A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5" name="正方形/長方形 794">
          <a:extLst>
            <a:ext uri="{FF2B5EF4-FFF2-40B4-BE49-F238E27FC236}">
              <a16:creationId xmlns:a16="http://schemas.microsoft.com/office/drawing/2014/main" id="{00000000-0008-0000-0700-00001B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6" name="正方形/長方形 795">
          <a:extLst>
            <a:ext uri="{FF2B5EF4-FFF2-40B4-BE49-F238E27FC236}">
              <a16:creationId xmlns:a16="http://schemas.microsoft.com/office/drawing/2014/main" id="{00000000-0008-0000-0700-00001C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7" name="正方形/長方形 796">
          <a:extLst>
            <a:ext uri="{FF2B5EF4-FFF2-40B4-BE49-F238E27FC236}">
              <a16:creationId xmlns:a16="http://schemas.microsoft.com/office/drawing/2014/main" id="{00000000-0008-0000-0700-00001D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8" name="正方形/長方形 797">
          <a:extLst>
            <a:ext uri="{FF2B5EF4-FFF2-40B4-BE49-F238E27FC236}">
              <a16:creationId xmlns:a16="http://schemas.microsoft.com/office/drawing/2014/main" id="{00000000-0008-0000-0700-00001E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9" name="正方形/長方形 798">
          <a:extLst>
            <a:ext uri="{FF2B5EF4-FFF2-40B4-BE49-F238E27FC236}">
              <a16:creationId xmlns:a16="http://schemas.microsoft.com/office/drawing/2014/main" id="{00000000-0008-0000-0700-00001F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800" name="正方形/長方形 799">
          <a:extLst>
            <a:ext uri="{FF2B5EF4-FFF2-40B4-BE49-F238E27FC236}">
              <a16:creationId xmlns:a16="http://schemas.microsoft.com/office/drawing/2014/main" id="{00000000-0008-0000-0700-00002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1" name="正方形/長方形 800">
          <a:extLst>
            <a:ext uri="{FF2B5EF4-FFF2-40B4-BE49-F238E27FC236}">
              <a16:creationId xmlns:a16="http://schemas.microsoft.com/office/drawing/2014/main" id="{00000000-0008-0000-0700-00002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8" name="前年度繰上充用金グラフ枠">
          <a:extLst>
            <a:ext uri="{FF2B5EF4-FFF2-40B4-BE49-F238E27FC236}">
              <a16:creationId xmlns:a16="http://schemas.microsoft.com/office/drawing/2014/main" id="{00000000-0008-0000-0700-00002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10" name="前年度繰上充用金最小値テキスト">
          <a:extLst>
            <a:ext uri="{FF2B5EF4-FFF2-40B4-BE49-F238E27FC236}">
              <a16:creationId xmlns:a16="http://schemas.microsoft.com/office/drawing/2014/main" id="{00000000-0008-0000-0700-00002A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1" name="直線コネクタ 810">
          <a:extLst>
            <a:ext uri="{FF2B5EF4-FFF2-40B4-BE49-F238E27FC236}">
              <a16:creationId xmlns:a16="http://schemas.microsoft.com/office/drawing/2014/main" id="{00000000-0008-0000-0700-00002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2" name="前年度繰上充用金最大値テキスト">
          <a:extLst>
            <a:ext uri="{FF2B5EF4-FFF2-40B4-BE49-F238E27FC236}">
              <a16:creationId xmlns:a16="http://schemas.microsoft.com/office/drawing/2014/main" id="{00000000-0008-0000-0700-00002C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3" name="直線コネクタ 812">
          <a:extLst>
            <a:ext uri="{FF2B5EF4-FFF2-40B4-BE49-F238E27FC236}">
              <a16:creationId xmlns:a16="http://schemas.microsoft.com/office/drawing/2014/main" id="{00000000-0008-0000-0700-00002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4" name="直線コネクタ 813">
          <a:extLst>
            <a:ext uri="{FF2B5EF4-FFF2-40B4-BE49-F238E27FC236}">
              <a16:creationId xmlns:a16="http://schemas.microsoft.com/office/drawing/2014/main" id="{00000000-0008-0000-0700-00002E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5" name="前年度繰上充用金平均値テキスト">
          <a:extLst>
            <a:ext uri="{FF2B5EF4-FFF2-40B4-BE49-F238E27FC236}">
              <a16:creationId xmlns:a16="http://schemas.microsoft.com/office/drawing/2014/main" id="{00000000-0008-0000-0700-00002F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7" name="直線コネクタ 816">
          <a:extLst>
            <a:ext uri="{FF2B5EF4-FFF2-40B4-BE49-F238E27FC236}">
              <a16:creationId xmlns:a16="http://schemas.microsoft.com/office/drawing/2014/main" id="{00000000-0008-0000-0700-000031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8" name="フローチャート: 判断 817">
          <a:extLst>
            <a:ext uri="{FF2B5EF4-FFF2-40B4-BE49-F238E27FC236}">
              <a16:creationId xmlns:a16="http://schemas.microsoft.com/office/drawing/2014/main" id="{00000000-0008-0000-0700-000032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20" name="直線コネクタ 819">
          <a:extLst>
            <a:ext uri="{FF2B5EF4-FFF2-40B4-BE49-F238E27FC236}">
              <a16:creationId xmlns:a16="http://schemas.microsoft.com/office/drawing/2014/main" id="{00000000-0008-0000-0700-000034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1" name="フローチャート: 判断 820">
          <a:extLst>
            <a:ext uri="{FF2B5EF4-FFF2-40B4-BE49-F238E27FC236}">
              <a16:creationId xmlns:a16="http://schemas.microsoft.com/office/drawing/2014/main" id="{00000000-0008-0000-0700-000035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3" name="直線コネクタ 822">
          <a:extLst>
            <a:ext uri="{FF2B5EF4-FFF2-40B4-BE49-F238E27FC236}">
              <a16:creationId xmlns:a16="http://schemas.microsoft.com/office/drawing/2014/main" id="{00000000-0008-0000-0700-000037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4" name="フローチャート: 判断 823">
          <a:extLst>
            <a:ext uri="{FF2B5EF4-FFF2-40B4-BE49-F238E27FC236}">
              <a16:creationId xmlns:a16="http://schemas.microsoft.com/office/drawing/2014/main" id="{00000000-0008-0000-0700-000038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フローチャート: 判断 825">
          <a:extLst>
            <a:ext uri="{FF2B5EF4-FFF2-40B4-BE49-F238E27FC236}">
              <a16:creationId xmlns:a16="http://schemas.microsoft.com/office/drawing/2014/main" id="{00000000-0008-0000-0700-00003A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3" name="楕円 832">
          <a:extLst>
            <a:ext uri="{FF2B5EF4-FFF2-40B4-BE49-F238E27FC236}">
              <a16:creationId xmlns:a16="http://schemas.microsoft.com/office/drawing/2014/main" id="{00000000-0008-0000-0700-000041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4" name="前年度繰上充用金該当値テキスト">
          <a:extLst>
            <a:ext uri="{FF2B5EF4-FFF2-40B4-BE49-F238E27FC236}">
              <a16:creationId xmlns:a16="http://schemas.microsoft.com/office/drawing/2014/main" id="{00000000-0008-0000-0700-000042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5" name="楕円 834">
          <a:extLst>
            <a:ext uri="{FF2B5EF4-FFF2-40B4-BE49-F238E27FC236}">
              <a16:creationId xmlns:a16="http://schemas.microsoft.com/office/drawing/2014/main" id="{00000000-0008-0000-0700-000043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6" name="テキスト ボックス 835">
          <a:extLst>
            <a:ext uri="{FF2B5EF4-FFF2-40B4-BE49-F238E27FC236}">
              <a16:creationId xmlns:a16="http://schemas.microsoft.com/office/drawing/2014/main" id="{00000000-0008-0000-0700-000044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7" name="楕円 836">
          <a:extLst>
            <a:ext uri="{FF2B5EF4-FFF2-40B4-BE49-F238E27FC236}">
              <a16:creationId xmlns:a16="http://schemas.microsoft.com/office/drawing/2014/main" id="{00000000-0008-0000-0700-000045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8" name="テキスト ボックス 837">
          <a:extLst>
            <a:ext uri="{FF2B5EF4-FFF2-40B4-BE49-F238E27FC236}">
              <a16:creationId xmlns:a16="http://schemas.microsoft.com/office/drawing/2014/main" id="{00000000-0008-0000-0700-000046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9" name="楕円 838">
          <a:extLst>
            <a:ext uri="{FF2B5EF4-FFF2-40B4-BE49-F238E27FC236}">
              <a16:creationId xmlns:a16="http://schemas.microsoft.com/office/drawing/2014/main" id="{00000000-0008-0000-0700-000047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40" name="テキスト ボックス 839">
          <a:extLst>
            <a:ext uri="{FF2B5EF4-FFF2-40B4-BE49-F238E27FC236}">
              <a16:creationId xmlns:a16="http://schemas.microsoft.com/office/drawing/2014/main" id="{00000000-0008-0000-0700-000048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1" name="楕円 840">
          <a:extLst>
            <a:ext uri="{FF2B5EF4-FFF2-40B4-BE49-F238E27FC236}">
              <a16:creationId xmlns:a16="http://schemas.microsoft.com/office/drawing/2014/main" id="{00000000-0008-0000-0700-000049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2" name="テキスト ボックス 841">
          <a:extLst>
            <a:ext uri="{FF2B5EF4-FFF2-40B4-BE49-F238E27FC236}">
              <a16:creationId xmlns:a16="http://schemas.microsoft.com/office/drawing/2014/main" id="{00000000-0008-0000-0700-00004A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3" name="正方形/長方形 842">
          <a:extLst>
            <a:ext uri="{FF2B5EF4-FFF2-40B4-BE49-F238E27FC236}">
              <a16:creationId xmlns:a16="http://schemas.microsoft.com/office/drawing/2014/main" id="{00000000-0008-0000-0700-00004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4" name="正方形/長方形 843">
          <a:extLst>
            <a:ext uri="{FF2B5EF4-FFF2-40B4-BE49-F238E27FC236}">
              <a16:creationId xmlns:a16="http://schemas.microsoft.com/office/drawing/2014/main" id="{00000000-0008-0000-0700-00004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5" name="テキスト ボックス 844">
          <a:extLst>
            <a:ext uri="{FF2B5EF4-FFF2-40B4-BE49-F238E27FC236}">
              <a16:creationId xmlns:a16="http://schemas.microsoft.com/office/drawing/2014/main" id="{00000000-0008-0000-0700-00004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年度において大きく変動しているものは、</a:t>
          </a:r>
          <a:r>
            <a:rPr kumimoji="1" lang="en-US" altLang="ja-JP" sz="1300">
              <a:latin typeface="ＭＳ Ｐゴシック" panose="020B0600070205080204" pitchFamily="50" charset="-128"/>
              <a:ea typeface="ＭＳ Ｐゴシック" panose="020B0600070205080204" pitchFamily="50" charset="-128"/>
            </a:rPr>
            <a:t>4,415</a:t>
          </a:r>
          <a:r>
            <a:rPr kumimoji="1" lang="ja-JP" altLang="en-US" sz="1300">
              <a:latin typeface="ＭＳ Ｐゴシック" panose="020B0600070205080204" pitchFamily="50" charset="-128"/>
              <a:ea typeface="ＭＳ Ｐゴシック" panose="020B0600070205080204" pitchFamily="50" charset="-128"/>
            </a:rPr>
            <a:t>円（</a:t>
          </a:r>
          <a:r>
            <a:rPr kumimoji="1" lang="en-US" altLang="ja-JP" sz="1300">
              <a:latin typeface="ＭＳ Ｐゴシック" panose="020B0600070205080204" pitchFamily="50" charset="-128"/>
              <a:ea typeface="ＭＳ Ｐゴシック" panose="020B0600070205080204" pitchFamily="50" charset="-128"/>
            </a:rPr>
            <a:t>26.5</a:t>
          </a:r>
          <a:r>
            <a:rPr kumimoji="1" lang="ja-JP" altLang="en-US" sz="1300">
              <a:latin typeface="ＭＳ Ｐゴシック" panose="020B0600070205080204" pitchFamily="50" charset="-128"/>
              <a:ea typeface="ＭＳ Ｐゴシック" panose="020B0600070205080204" pitchFamily="50" charset="-128"/>
            </a:rPr>
            <a:t>％）の増となった消防費、</a:t>
          </a:r>
          <a:r>
            <a:rPr kumimoji="1" lang="en-US" altLang="ja-JP" sz="1300">
              <a:latin typeface="ＭＳ Ｐゴシック" panose="020B0600070205080204" pitchFamily="50" charset="-128"/>
              <a:ea typeface="ＭＳ Ｐゴシック" panose="020B0600070205080204" pitchFamily="50" charset="-128"/>
            </a:rPr>
            <a:t>4,595</a:t>
          </a:r>
          <a:r>
            <a:rPr kumimoji="1" lang="ja-JP" altLang="en-US" sz="1300">
              <a:latin typeface="ＭＳ Ｐゴシック" panose="020B0600070205080204" pitchFamily="50" charset="-128"/>
              <a:ea typeface="ＭＳ Ｐゴシック" panose="020B0600070205080204" pitchFamily="50" charset="-128"/>
            </a:rPr>
            <a:t>円（</a:t>
          </a:r>
          <a:r>
            <a:rPr kumimoji="1" lang="en-US" altLang="ja-JP" sz="1300">
              <a:latin typeface="ＭＳ Ｐゴシック" panose="020B0600070205080204" pitchFamily="50" charset="-128"/>
              <a:ea typeface="ＭＳ Ｐゴシック" panose="020B0600070205080204" pitchFamily="50" charset="-128"/>
            </a:rPr>
            <a:t>13.1</a:t>
          </a:r>
          <a:r>
            <a:rPr kumimoji="1" lang="ja-JP" altLang="en-US" sz="1300">
              <a:latin typeface="ＭＳ Ｐゴシック" panose="020B0600070205080204" pitchFamily="50" charset="-128"/>
              <a:ea typeface="ＭＳ Ｐゴシック" panose="020B0600070205080204" pitchFamily="50" charset="-128"/>
            </a:rPr>
            <a:t>％）の増となった教育費、</a:t>
          </a:r>
          <a:r>
            <a:rPr kumimoji="1" lang="en-US" altLang="ja-JP" sz="1300">
              <a:latin typeface="ＭＳ Ｐゴシック" panose="020B0600070205080204" pitchFamily="50" charset="-128"/>
              <a:ea typeface="ＭＳ Ｐゴシック" panose="020B0600070205080204" pitchFamily="50" charset="-128"/>
            </a:rPr>
            <a:t>1,955</a:t>
          </a:r>
          <a:r>
            <a:rPr kumimoji="1" lang="ja-JP" altLang="en-US" sz="1300">
              <a:latin typeface="ＭＳ Ｐゴシック" panose="020B0600070205080204" pitchFamily="50" charset="-128"/>
              <a:ea typeface="ＭＳ Ｐゴシック" panose="020B0600070205080204" pitchFamily="50" charset="-128"/>
            </a:rPr>
            <a:t>円（</a:t>
          </a:r>
          <a:r>
            <a:rPr kumimoji="1" lang="en-US" altLang="ja-JP" sz="1300">
              <a:latin typeface="ＭＳ Ｐゴシック" panose="020B0600070205080204" pitchFamily="50" charset="-128"/>
              <a:ea typeface="ＭＳ Ｐゴシック" panose="020B0600070205080204" pitchFamily="50" charset="-128"/>
            </a:rPr>
            <a:t>8.4</a:t>
          </a:r>
          <a:r>
            <a:rPr kumimoji="1" lang="ja-JP" altLang="en-US" sz="1300">
              <a:latin typeface="ＭＳ Ｐゴシック" panose="020B0600070205080204" pitchFamily="50" charset="-128"/>
              <a:ea typeface="ＭＳ Ｐゴシック" panose="020B0600070205080204" pitchFamily="50" charset="-128"/>
            </a:rPr>
            <a:t>％）の増となった公債費などが挙げられる。これは性質別歳出決算分析にて述べた内容と同様に、消防費においては救助工作車の購入や</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市</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町共同消防指令センターの負担金の増、教育費においては体育館等改修工事、特別棟屋上防水工事等施設の更新整備を行ったことによる増、公債費においては小中学校空調設備整備事業（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繰越分）や、し尿等下水道投入施設改修事業の元金償還が開始したことに伴う増、などが要因となっている。</a:t>
          </a:r>
        </a:p>
        <a:p>
          <a:r>
            <a:rPr kumimoji="1" lang="ja-JP" altLang="en-US" sz="1300">
              <a:latin typeface="ＭＳ Ｐゴシック" panose="020B0600070205080204" pitchFamily="50" charset="-128"/>
              <a:ea typeface="ＭＳ Ｐゴシック" panose="020B0600070205080204" pitchFamily="50" charset="-128"/>
            </a:rPr>
            <a:t>　当年度においては、消防費について施設の更新整備等により大幅な増となったことから類似団体の数値を上回る結果となったが、その他議会費を除く全ての数値については類似団体と同程度又は若干下回っていることから、二宮町の人口に対する予算規模は小さいことが見て取れる。引き続き町民サービスの低下を招くことのないよう、あらゆる事業において効果的・効率的な遂行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Ｐゴシック" panose="020B0600070205080204" pitchFamily="50" charset="-128"/>
              <a:ea typeface="ＭＳ Ｐゴシック" panose="020B0600070205080204" pitchFamily="50" charset="-128"/>
            </a:rPr>
            <a:t>　財政調整基金は今後の財政需要に備え、積立てを行った結果、積立て額が取り崩し額を上回り、標準財政規模比は前年度から</a:t>
          </a:r>
          <a:r>
            <a:rPr kumimoji="1" lang="en-US" altLang="ja-JP" sz="1300">
              <a:latin typeface="ＭＳ Ｐゴシック" panose="020B0600070205080204" pitchFamily="50" charset="-128"/>
              <a:ea typeface="ＭＳ Ｐゴシック" panose="020B0600070205080204" pitchFamily="50" charset="-128"/>
            </a:rPr>
            <a:t>1.17</a:t>
          </a:r>
          <a:r>
            <a:rPr kumimoji="1" lang="ja-JP" altLang="en-US" sz="1300">
              <a:latin typeface="ＭＳ Ｐゴシック" panose="020B0600070205080204" pitchFamily="50" charset="-128"/>
              <a:ea typeface="ＭＳ Ｐゴシック" panose="020B0600070205080204" pitchFamily="50" charset="-128"/>
            </a:rPr>
            <a:t>ポイントの増となった。</a:t>
          </a:r>
        </a:p>
        <a:p>
          <a:r>
            <a:rPr kumimoji="1" lang="ja-JP" altLang="en-US" sz="1300">
              <a:latin typeface="ＭＳ Ｐゴシック" panose="020B0600070205080204" pitchFamily="50" charset="-128"/>
              <a:ea typeface="ＭＳ Ｐゴシック" panose="020B0600070205080204" pitchFamily="50" charset="-128"/>
            </a:rPr>
            <a:t>　実質収支額に関しては、国庫支出金や地方債の減、翌年度に繰り越すべき財源の増などに伴い、前年度から</a:t>
          </a:r>
          <a:r>
            <a:rPr kumimoji="1" lang="en-US" altLang="ja-JP" sz="1300">
              <a:latin typeface="ＭＳ Ｐゴシック" panose="020B0600070205080204" pitchFamily="50" charset="-128"/>
              <a:ea typeface="ＭＳ Ｐゴシック" panose="020B0600070205080204" pitchFamily="50" charset="-128"/>
            </a:rPr>
            <a:t>44</a:t>
          </a:r>
          <a:r>
            <a:rPr kumimoji="1" lang="ja-JP" altLang="en-US" sz="1300">
              <a:latin typeface="ＭＳ Ｐゴシック" panose="020B0600070205080204" pitchFamily="50" charset="-128"/>
              <a:ea typeface="ＭＳ Ｐゴシック" panose="020B0600070205080204" pitchFamily="50" charset="-128"/>
            </a:rPr>
            <a:t>百万円の減、標準財政規模に占める割合では</a:t>
          </a:r>
          <a:r>
            <a:rPr kumimoji="1" lang="en-US" altLang="ja-JP" sz="1300">
              <a:latin typeface="ＭＳ Ｐゴシック" panose="020B0600070205080204" pitchFamily="50" charset="-128"/>
              <a:ea typeface="ＭＳ Ｐゴシック" panose="020B0600070205080204" pitchFamily="50" charset="-128"/>
            </a:rPr>
            <a:t>0.45</a:t>
          </a:r>
          <a:r>
            <a:rPr kumimoji="1" lang="ja-JP" altLang="en-US" sz="1300">
              <a:latin typeface="ＭＳ Ｐゴシック" panose="020B0600070205080204" pitchFamily="50" charset="-128"/>
              <a:ea typeface="ＭＳ Ｐゴシック" panose="020B0600070205080204" pitchFamily="50" charset="-128"/>
            </a:rPr>
            <a:t>ポイントの減となった。</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Ｐゴシック" panose="020B0600070205080204" pitchFamily="50" charset="-128"/>
              <a:ea typeface="ＭＳ Ｐゴシック" panose="020B0600070205080204" pitchFamily="50" charset="-128"/>
            </a:rPr>
            <a:t>　一般会計においては、国庫支出金や地方債の減、翌年度に繰り越すべき財源の増などに伴い実質収支額が減となっており、標準財政規模比についても前年度から</a:t>
          </a:r>
          <a:r>
            <a:rPr kumimoji="1" lang="en-US" altLang="ja-JP" sz="1300">
              <a:latin typeface="ＭＳ Ｐゴシック" panose="020B0600070205080204" pitchFamily="50" charset="-128"/>
              <a:ea typeface="ＭＳ Ｐゴシック" panose="020B0600070205080204" pitchFamily="50" charset="-128"/>
            </a:rPr>
            <a:t>0.44</a:t>
          </a:r>
          <a:r>
            <a:rPr kumimoji="1" lang="ja-JP" altLang="en-US" sz="1300">
              <a:latin typeface="ＭＳ Ｐゴシック" panose="020B0600070205080204" pitchFamily="50" charset="-128"/>
              <a:ea typeface="ＭＳ Ｐゴシック" panose="020B0600070205080204" pitchFamily="50" charset="-128"/>
            </a:rPr>
            <a:t>ポイントの減となっている。</a:t>
          </a:r>
        </a:p>
        <a:p>
          <a:r>
            <a:rPr kumimoji="1" lang="ja-JP" altLang="en-US" sz="1300">
              <a:latin typeface="ＭＳ Ｐゴシック" panose="020B0600070205080204" pitchFamily="50" charset="-128"/>
              <a:ea typeface="ＭＳ Ｐゴシック" panose="020B0600070205080204" pitchFamily="50" charset="-128"/>
            </a:rPr>
            <a:t>　介護保険特別会計は、歳出について被保険者や要介護認定者数の増などにより保険給付費が増となったものの、歳入において国県支出金や繰入金が増となったことから、標準財政規模費は</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増となった。</a:t>
          </a:r>
        </a:p>
        <a:p>
          <a:r>
            <a:rPr kumimoji="1" lang="ja-JP" altLang="en-US" sz="1300">
              <a:latin typeface="ＭＳ Ｐゴシック" panose="020B0600070205080204" pitchFamily="50" charset="-128"/>
              <a:ea typeface="ＭＳ Ｐゴシック" panose="020B0600070205080204" pitchFamily="50" charset="-128"/>
            </a:rPr>
            <a:t>　国民健康保険特別会計は、基金へ積立を行ったことなどに伴い前年度から実質収支が減となり、標準財政規模比は</a:t>
          </a:r>
          <a:r>
            <a:rPr kumimoji="1" lang="en-US" altLang="ja-JP" sz="1300">
              <a:latin typeface="ＭＳ Ｐゴシック" panose="020B0600070205080204" pitchFamily="50" charset="-128"/>
              <a:ea typeface="ＭＳ Ｐゴシック" panose="020B0600070205080204" pitchFamily="50" charset="-128"/>
            </a:rPr>
            <a:t>0.28</a:t>
          </a:r>
          <a:r>
            <a:rPr kumimoji="1" lang="ja-JP" altLang="en-US" sz="1300">
              <a:latin typeface="ＭＳ Ｐゴシック" panose="020B0600070205080204" pitchFamily="50" charset="-128"/>
              <a:ea typeface="ＭＳ Ｐゴシック" panose="020B0600070205080204" pitchFamily="50" charset="-128"/>
            </a:rPr>
            <a:t>ポイントの減となった。</a:t>
          </a:r>
        </a:p>
        <a:p>
          <a:r>
            <a:rPr kumimoji="1" lang="ja-JP" altLang="en-US" sz="1300">
              <a:latin typeface="ＭＳ Ｐゴシック" panose="020B0600070205080204" pitchFamily="50" charset="-128"/>
              <a:ea typeface="ＭＳ Ｐゴシック" panose="020B0600070205080204" pitchFamily="50" charset="-128"/>
            </a:rPr>
            <a:t>　下水道事業特別会計は、事業費について令和</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から企業会計移行することに伴い移行後に特例的未払金として支払処理される額が大きいため大幅な減となり、標準財政規模比は</a:t>
          </a:r>
          <a:r>
            <a:rPr kumimoji="1" lang="en-US" altLang="ja-JP" sz="1300">
              <a:latin typeface="ＭＳ Ｐゴシック" panose="020B0600070205080204" pitchFamily="50" charset="-128"/>
              <a:ea typeface="ＭＳ Ｐゴシック" panose="020B0600070205080204" pitchFamily="50" charset="-128"/>
            </a:rPr>
            <a:t>0.54</a:t>
          </a:r>
          <a:r>
            <a:rPr kumimoji="1" lang="ja-JP" altLang="en-US" sz="1300">
              <a:latin typeface="ＭＳ Ｐゴシック" panose="020B0600070205080204" pitchFamily="50" charset="-128"/>
              <a:ea typeface="ＭＳ Ｐゴシック" panose="020B0600070205080204" pitchFamily="50" charset="-128"/>
            </a:rPr>
            <a:t>ポイントの増となった。</a:t>
          </a:r>
        </a:p>
        <a:p>
          <a:r>
            <a:rPr kumimoji="1" lang="ja-JP" altLang="en-US" sz="1300">
              <a:latin typeface="ＭＳ Ｐゴシック" panose="020B0600070205080204" pitchFamily="50" charset="-128"/>
              <a:ea typeface="ＭＳ Ｐゴシック" panose="020B0600070205080204" pitchFamily="50" charset="-128"/>
            </a:rPr>
            <a:t>　後期高齢者医療特別会計は、標準財政規模が減となったことから、標準財政規模比は</a:t>
          </a:r>
          <a:r>
            <a:rPr kumimoji="1" lang="en-US" altLang="ja-JP" sz="1300">
              <a:latin typeface="ＭＳ Ｐゴシック" panose="020B0600070205080204" pitchFamily="50" charset="-128"/>
              <a:ea typeface="ＭＳ Ｐゴシック" panose="020B0600070205080204" pitchFamily="50" charset="-128"/>
            </a:rPr>
            <a:t>0.26</a:t>
          </a:r>
          <a:r>
            <a:rPr kumimoji="1" lang="ja-JP" altLang="en-US" sz="1300">
              <a:latin typeface="ＭＳ Ｐゴシック" panose="020B0600070205080204" pitchFamily="50" charset="-128"/>
              <a:ea typeface="ＭＳ Ｐゴシック" panose="020B0600070205080204" pitchFamily="50" charset="-128"/>
            </a:rPr>
            <a:t>ポイントの増となった。</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76" customWidth="1"/>
    <col min="12" max="12" width="2.1796875" style="176" customWidth="1"/>
    <col min="13" max="17" width="2.36328125" style="176" customWidth="1"/>
    <col min="18" max="119" width="2.08984375" style="176" customWidth="1"/>
    <col min="120" max="16384" width="0" style="176" hidden="1"/>
  </cols>
  <sheetData>
    <row r="1" spans="1:119" ht="33" customHeight="1" x14ac:dyDescent="0.2">
      <c r="B1" s="415" t="s">
        <v>82</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77"/>
      <c r="DK1" s="177"/>
      <c r="DL1" s="177"/>
      <c r="DM1" s="177"/>
      <c r="DN1" s="177"/>
      <c r="DO1" s="177"/>
    </row>
    <row r="2" spans="1:119" ht="24" thickBot="1" x14ac:dyDescent="0.25">
      <c r="B2" s="178" t="s">
        <v>83</v>
      </c>
      <c r="C2" s="178"/>
      <c r="D2" s="179"/>
    </row>
    <row r="3" spans="1:119" ht="18.75" customHeight="1" thickBot="1" x14ac:dyDescent="0.25">
      <c r="A3" s="177"/>
      <c r="B3" s="416" t="s">
        <v>84</v>
      </c>
      <c r="C3" s="417"/>
      <c r="D3" s="417"/>
      <c r="E3" s="418"/>
      <c r="F3" s="418"/>
      <c r="G3" s="418"/>
      <c r="H3" s="418"/>
      <c r="I3" s="418"/>
      <c r="J3" s="418"/>
      <c r="K3" s="418"/>
      <c r="L3" s="418" t="s">
        <v>85</v>
      </c>
      <c r="M3" s="418"/>
      <c r="N3" s="418"/>
      <c r="O3" s="418"/>
      <c r="P3" s="418"/>
      <c r="Q3" s="418"/>
      <c r="R3" s="425"/>
      <c r="S3" s="425"/>
      <c r="T3" s="425"/>
      <c r="U3" s="425"/>
      <c r="V3" s="426"/>
      <c r="W3" s="400" t="s">
        <v>86</v>
      </c>
      <c r="X3" s="401"/>
      <c r="Y3" s="401"/>
      <c r="Z3" s="401"/>
      <c r="AA3" s="401"/>
      <c r="AB3" s="417"/>
      <c r="AC3" s="425" t="s">
        <v>87</v>
      </c>
      <c r="AD3" s="401"/>
      <c r="AE3" s="401"/>
      <c r="AF3" s="401"/>
      <c r="AG3" s="401"/>
      <c r="AH3" s="401"/>
      <c r="AI3" s="401"/>
      <c r="AJ3" s="401"/>
      <c r="AK3" s="401"/>
      <c r="AL3" s="402"/>
      <c r="AM3" s="400" t="s">
        <v>88</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9</v>
      </c>
      <c r="BO3" s="401"/>
      <c r="BP3" s="401"/>
      <c r="BQ3" s="401"/>
      <c r="BR3" s="401"/>
      <c r="BS3" s="401"/>
      <c r="BT3" s="401"/>
      <c r="BU3" s="402"/>
      <c r="BV3" s="400" t="s">
        <v>90</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1</v>
      </c>
      <c r="CU3" s="401"/>
      <c r="CV3" s="401"/>
      <c r="CW3" s="401"/>
      <c r="CX3" s="401"/>
      <c r="CY3" s="401"/>
      <c r="CZ3" s="401"/>
      <c r="DA3" s="402"/>
      <c r="DB3" s="400" t="s">
        <v>92</v>
      </c>
      <c r="DC3" s="401"/>
      <c r="DD3" s="401"/>
      <c r="DE3" s="401"/>
      <c r="DF3" s="401"/>
      <c r="DG3" s="401"/>
      <c r="DH3" s="401"/>
      <c r="DI3" s="402"/>
    </row>
    <row r="4" spans="1:119" ht="18.75" customHeight="1" x14ac:dyDescent="0.2">
      <c r="A4" s="177"/>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3</v>
      </c>
      <c r="AZ4" s="404"/>
      <c r="BA4" s="404"/>
      <c r="BB4" s="404"/>
      <c r="BC4" s="404"/>
      <c r="BD4" s="404"/>
      <c r="BE4" s="404"/>
      <c r="BF4" s="404"/>
      <c r="BG4" s="404"/>
      <c r="BH4" s="404"/>
      <c r="BI4" s="404"/>
      <c r="BJ4" s="404"/>
      <c r="BK4" s="404"/>
      <c r="BL4" s="404"/>
      <c r="BM4" s="405"/>
      <c r="BN4" s="406">
        <v>10129636</v>
      </c>
      <c r="BO4" s="407"/>
      <c r="BP4" s="407"/>
      <c r="BQ4" s="407"/>
      <c r="BR4" s="407"/>
      <c r="BS4" s="407"/>
      <c r="BT4" s="407"/>
      <c r="BU4" s="408"/>
      <c r="BV4" s="406">
        <v>10212219</v>
      </c>
      <c r="BW4" s="407"/>
      <c r="BX4" s="407"/>
      <c r="BY4" s="407"/>
      <c r="BZ4" s="407"/>
      <c r="CA4" s="407"/>
      <c r="CB4" s="407"/>
      <c r="CC4" s="408"/>
      <c r="CD4" s="409" t="s">
        <v>94</v>
      </c>
      <c r="CE4" s="410"/>
      <c r="CF4" s="410"/>
      <c r="CG4" s="410"/>
      <c r="CH4" s="410"/>
      <c r="CI4" s="410"/>
      <c r="CJ4" s="410"/>
      <c r="CK4" s="410"/>
      <c r="CL4" s="410"/>
      <c r="CM4" s="410"/>
      <c r="CN4" s="410"/>
      <c r="CO4" s="410"/>
      <c r="CP4" s="410"/>
      <c r="CQ4" s="410"/>
      <c r="CR4" s="410"/>
      <c r="CS4" s="411"/>
      <c r="CT4" s="412">
        <v>7.8</v>
      </c>
      <c r="CU4" s="413"/>
      <c r="CV4" s="413"/>
      <c r="CW4" s="413"/>
      <c r="CX4" s="413"/>
      <c r="CY4" s="413"/>
      <c r="CZ4" s="413"/>
      <c r="DA4" s="414"/>
      <c r="DB4" s="412">
        <v>8.1999999999999993</v>
      </c>
      <c r="DC4" s="413"/>
      <c r="DD4" s="413"/>
      <c r="DE4" s="413"/>
      <c r="DF4" s="413"/>
      <c r="DG4" s="413"/>
      <c r="DH4" s="413"/>
      <c r="DI4" s="414"/>
    </row>
    <row r="5" spans="1:119" ht="18.75" customHeight="1" x14ac:dyDescent="0.2">
      <c r="A5" s="177"/>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5</v>
      </c>
      <c r="AN5" s="473"/>
      <c r="AO5" s="473"/>
      <c r="AP5" s="473"/>
      <c r="AQ5" s="473"/>
      <c r="AR5" s="473"/>
      <c r="AS5" s="473"/>
      <c r="AT5" s="474"/>
      <c r="AU5" s="475" t="s">
        <v>96</v>
      </c>
      <c r="AV5" s="476"/>
      <c r="AW5" s="476"/>
      <c r="AX5" s="476"/>
      <c r="AY5" s="477" t="s">
        <v>97</v>
      </c>
      <c r="AZ5" s="478"/>
      <c r="BA5" s="478"/>
      <c r="BB5" s="478"/>
      <c r="BC5" s="478"/>
      <c r="BD5" s="478"/>
      <c r="BE5" s="478"/>
      <c r="BF5" s="478"/>
      <c r="BG5" s="478"/>
      <c r="BH5" s="478"/>
      <c r="BI5" s="478"/>
      <c r="BJ5" s="478"/>
      <c r="BK5" s="478"/>
      <c r="BL5" s="478"/>
      <c r="BM5" s="479"/>
      <c r="BN5" s="443">
        <v>9579851</v>
      </c>
      <c r="BO5" s="444"/>
      <c r="BP5" s="444"/>
      <c r="BQ5" s="444"/>
      <c r="BR5" s="444"/>
      <c r="BS5" s="444"/>
      <c r="BT5" s="444"/>
      <c r="BU5" s="445"/>
      <c r="BV5" s="443">
        <v>9647498</v>
      </c>
      <c r="BW5" s="444"/>
      <c r="BX5" s="444"/>
      <c r="BY5" s="444"/>
      <c r="BZ5" s="444"/>
      <c r="CA5" s="444"/>
      <c r="CB5" s="444"/>
      <c r="CC5" s="445"/>
      <c r="CD5" s="446" t="s">
        <v>98</v>
      </c>
      <c r="CE5" s="447"/>
      <c r="CF5" s="447"/>
      <c r="CG5" s="447"/>
      <c r="CH5" s="447"/>
      <c r="CI5" s="447"/>
      <c r="CJ5" s="447"/>
      <c r="CK5" s="447"/>
      <c r="CL5" s="447"/>
      <c r="CM5" s="447"/>
      <c r="CN5" s="447"/>
      <c r="CO5" s="447"/>
      <c r="CP5" s="447"/>
      <c r="CQ5" s="447"/>
      <c r="CR5" s="447"/>
      <c r="CS5" s="448"/>
      <c r="CT5" s="440">
        <v>94.9</v>
      </c>
      <c r="CU5" s="441"/>
      <c r="CV5" s="441"/>
      <c r="CW5" s="441"/>
      <c r="CX5" s="441"/>
      <c r="CY5" s="441"/>
      <c r="CZ5" s="441"/>
      <c r="DA5" s="442"/>
      <c r="DB5" s="440">
        <v>88.5</v>
      </c>
      <c r="DC5" s="441"/>
      <c r="DD5" s="441"/>
      <c r="DE5" s="441"/>
      <c r="DF5" s="441"/>
      <c r="DG5" s="441"/>
      <c r="DH5" s="441"/>
      <c r="DI5" s="442"/>
    </row>
    <row r="6" spans="1:119" ht="18.75" customHeight="1" x14ac:dyDescent="0.2">
      <c r="A6" s="177"/>
      <c r="B6" s="449" t="s">
        <v>99</v>
      </c>
      <c r="C6" s="450"/>
      <c r="D6" s="450"/>
      <c r="E6" s="451"/>
      <c r="F6" s="451"/>
      <c r="G6" s="451"/>
      <c r="H6" s="451"/>
      <c r="I6" s="451"/>
      <c r="J6" s="451"/>
      <c r="K6" s="451"/>
      <c r="L6" s="451" t="s">
        <v>100</v>
      </c>
      <c r="M6" s="451"/>
      <c r="N6" s="451"/>
      <c r="O6" s="451"/>
      <c r="P6" s="451"/>
      <c r="Q6" s="451"/>
      <c r="R6" s="455"/>
      <c r="S6" s="455"/>
      <c r="T6" s="455"/>
      <c r="U6" s="455"/>
      <c r="V6" s="456"/>
      <c r="W6" s="459" t="s">
        <v>101</v>
      </c>
      <c r="X6" s="460"/>
      <c r="Y6" s="460"/>
      <c r="Z6" s="460"/>
      <c r="AA6" s="460"/>
      <c r="AB6" s="450"/>
      <c r="AC6" s="463" t="s">
        <v>102</v>
      </c>
      <c r="AD6" s="464"/>
      <c r="AE6" s="464"/>
      <c r="AF6" s="464"/>
      <c r="AG6" s="464"/>
      <c r="AH6" s="464"/>
      <c r="AI6" s="464"/>
      <c r="AJ6" s="464"/>
      <c r="AK6" s="464"/>
      <c r="AL6" s="465"/>
      <c r="AM6" s="472" t="s">
        <v>103</v>
      </c>
      <c r="AN6" s="473"/>
      <c r="AO6" s="473"/>
      <c r="AP6" s="473"/>
      <c r="AQ6" s="473"/>
      <c r="AR6" s="473"/>
      <c r="AS6" s="473"/>
      <c r="AT6" s="474"/>
      <c r="AU6" s="475" t="s">
        <v>96</v>
      </c>
      <c r="AV6" s="476"/>
      <c r="AW6" s="476"/>
      <c r="AX6" s="476"/>
      <c r="AY6" s="477" t="s">
        <v>104</v>
      </c>
      <c r="AZ6" s="478"/>
      <c r="BA6" s="478"/>
      <c r="BB6" s="478"/>
      <c r="BC6" s="478"/>
      <c r="BD6" s="478"/>
      <c r="BE6" s="478"/>
      <c r="BF6" s="478"/>
      <c r="BG6" s="478"/>
      <c r="BH6" s="478"/>
      <c r="BI6" s="478"/>
      <c r="BJ6" s="478"/>
      <c r="BK6" s="478"/>
      <c r="BL6" s="478"/>
      <c r="BM6" s="479"/>
      <c r="BN6" s="443">
        <v>549785</v>
      </c>
      <c r="BO6" s="444"/>
      <c r="BP6" s="444"/>
      <c r="BQ6" s="444"/>
      <c r="BR6" s="444"/>
      <c r="BS6" s="444"/>
      <c r="BT6" s="444"/>
      <c r="BU6" s="445"/>
      <c r="BV6" s="443">
        <v>564721</v>
      </c>
      <c r="BW6" s="444"/>
      <c r="BX6" s="444"/>
      <c r="BY6" s="444"/>
      <c r="BZ6" s="444"/>
      <c r="CA6" s="444"/>
      <c r="CB6" s="444"/>
      <c r="CC6" s="445"/>
      <c r="CD6" s="446" t="s">
        <v>105</v>
      </c>
      <c r="CE6" s="447"/>
      <c r="CF6" s="447"/>
      <c r="CG6" s="447"/>
      <c r="CH6" s="447"/>
      <c r="CI6" s="447"/>
      <c r="CJ6" s="447"/>
      <c r="CK6" s="447"/>
      <c r="CL6" s="447"/>
      <c r="CM6" s="447"/>
      <c r="CN6" s="447"/>
      <c r="CO6" s="447"/>
      <c r="CP6" s="447"/>
      <c r="CQ6" s="447"/>
      <c r="CR6" s="447"/>
      <c r="CS6" s="448"/>
      <c r="CT6" s="480">
        <v>97.6</v>
      </c>
      <c r="CU6" s="481"/>
      <c r="CV6" s="481"/>
      <c r="CW6" s="481"/>
      <c r="CX6" s="481"/>
      <c r="CY6" s="481"/>
      <c r="CZ6" s="481"/>
      <c r="DA6" s="482"/>
      <c r="DB6" s="480">
        <v>95.1</v>
      </c>
      <c r="DC6" s="481"/>
      <c r="DD6" s="481"/>
      <c r="DE6" s="481"/>
      <c r="DF6" s="481"/>
      <c r="DG6" s="481"/>
      <c r="DH6" s="481"/>
      <c r="DI6" s="482"/>
    </row>
    <row r="7" spans="1:119" ht="18.75" customHeight="1" x14ac:dyDescent="0.2">
      <c r="A7" s="177"/>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6</v>
      </c>
      <c r="AN7" s="473"/>
      <c r="AO7" s="473"/>
      <c r="AP7" s="473"/>
      <c r="AQ7" s="473"/>
      <c r="AR7" s="473"/>
      <c r="AS7" s="473"/>
      <c r="AT7" s="474"/>
      <c r="AU7" s="475" t="s">
        <v>107</v>
      </c>
      <c r="AV7" s="476"/>
      <c r="AW7" s="476"/>
      <c r="AX7" s="476"/>
      <c r="AY7" s="477" t="s">
        <v>108</v>
      </c>
      <c r="AZ7" s="478"/>
      <c r="BA7" s="478"/>
      <c r="BB7" s="478"/>
      <c r="BC7" s="478"/>
      <c r="BD7" s="478"/>
      <c r="BE7" s="478"/>
      <c r="BF7" s="478"/>
      <c r="BG7" s="478"/>
      <c r="BH7" s="478"/>
      <c r="BI7" s="478"/>
      <c r="BJ7" s="478"/>
      <c r="BK7" s="478"/>
      <c r="BL7" s="478"/>
      <c r="BM7" s="479"/>
      <c r="BN7" s="443">
        <v>71813</v>
      </c>
      <c r="BO7" s="444"/>
      <c r="BP7" s="444"/>
      <c r="BQ7" s="444"/>
      <c r="BR7" s="444"/>
      <c r="BS7" s="444"/>
      <c r="BT7" s="444"/>
      <c r="BU7" s="445"/>
      <c r="BV7" s="443">
        <v>42263</v>
      </c>
      <c r="BW7" s="444"/>
      <c r="BX7" s="444"/>
      <c r="BY7" s="444"/>
      <c r="BZ7" s="444"/>
      <c r="CA7" s="444"/>
      <c r="CB7" s="444"/>
      <c r="CC7" s="445"/>
      <c r="CD7" s="446" t="s">
        <v>109</v>
      </c>
      <c r="CE7" s="447"/>
      <c r="CF7" s="447"/>
      <c r="CG7" s="447"/>
      <c r="CH7" s="447"/>
      <c r="CI7" s="447"/>
      <c r="CJ7" s="447"/>
      <c r="CK7" s="447"/>
      <c r="CL7" s="447"/>
      <c r="CM7" s="447"/>
      <c r="CN7" s="447"/>
      <c r="CO7" s="447"/>
      <c r="CP7" s="447"/>
      <c r="CQ7" s="447"/>
      <c r="CR7" s="447"/>
      <c r="CS7" s="448"/>
      <c r="CT7" s="443">
        <v>6141232</v>
      </c>
      <c r="CU7" s="444"/>
      <c r="CV7" s="444"/>
      <c r="CW7" s="444"/>
      <c r="CX7" s="444"/>
      <c r="CY7" s="444"/>
      <c r="CZ7" s="444"/>
      <c r="DA7" s="445"/>
      <c r="DB7" s="443">
        <v>6348885</v>
      </c>
      <c r="DC7" s="444"/>
      <c r="DD7" s="444"/>
      <c r="DE7" s="444"/>
      <c r="DF7" s="444"/>
      <c r="DG7" s="444"/>
      <c r="DH7" s="444"/>
      <c r="DI7" s="445"/>
    </row>
    <row r="8" spans="1:119" ht="18.75" customHeight="1" thickBot="1" x14ac:dyDescent="0.25">
      <c r="A8" s="177"/>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10</v>
      </c>
      <c r="AN8" s="473"/>
      <c r="AO8" s="473"/>
      <c r="AP8" s="473"/>
      <c r="AQ8" s="473"/>
      <c r="AR8" s="473"/>
      <c r="AS8" s="473"/>
      <c r="AT8" s="474"/>
      <c r="AU8" s="475" t="s">
        <v>96</v>
      </c>
      <c r="AV8" s="476"/>
      <c r="AW8" s="476"/>
      <c r="AX8" s="476"/>
      <c r="AY8" s="477" t="s">
        <v>111</v>
      </c>
      <c r="AZ8" s="478"/>
      <c r="BA8" s="478"/>
      <c r="BB8" s="478"/>
      <c r="BC8" s="478"/>
      <c r="BD8" s="478"/>
      <c r="BE8" s="478"/>
      <c r="BF8" s="478"/>
      <c r="BG8" s="478"/>
      <c r="BH8" s="478"/>
      <c r="BI8" s="478"/>
      <c r="BJ8" s="478"/>
      <c r="BK8" s="478"/>
      <c r="BL8" s="478"/>
      <c r="BM8" s="479"/>
      <c r="BN8" s="443">
        <v>477972</v>
      </c>
      <c r="BO8" s="444"/>
      <c r="BP8" s="444"/>
      <c r="BQ8" s="444"/>
      <c r="BR8" s="444"/>
      <c r="BS8" s="444"/>
      <c r="BT8" s="444"/>
      <c r="BU8" s="445"/>
      <c r="BV8" s="443">
        <v>522458</v>
      </c>
      <c r="BW8" s="444"/>
      <c r="BX8" s="444"/>
      <c r="BY8" s="444"/>
      <c r="BZ8" s="444"/>
      <c r="CA8" s="444"/>
      <c r="CB8" s="444"/>
      <c r="CC8" s="445"/>
      <c r="CD8" s="446" t="s">
        <v>112</v>
      </c>
      <c r="CE8" s="447"/>
      <c r="CF8" s="447"/>
      <c r="CG8" s="447"/>
      <c r="CH8" s="447"/>
      <c r="CI8" s="447"/>
      <c r="CJ8" s="447"/>
      <c r="CK8" s="447"/>
      <c r="CL8" s="447"/>
      <c r="CM8" s="447"/>
      <c r="CN8" s="447"/>
      <c r="CO8" s="447"/>
      <c r="CP8" s="447"/>
      <c r="CQ8" s="447"/>
      <c r="CR8" s="447"/>
      <c r="CS8" s="448"/>
      <c r="CT8" s="483">
        <v>0.66</v>
      </c>
      <c r="CU8" s="484"/>
      <c r="CV8" s="484"/>
      <c r="CW8" s="484"/>
      <c r="CX8" s="484"/>
      <c r="CY8" s="484"/>
      <c r="CZ8" s="484"/>
      <c r="DA8" s="485"/>
      <c r="DB8" s="483">
        <v>0.7</v>
      </c>
      <c r="DC8" s="484"/>
      <c r="DD8" s="484"/>
      <c r="DE8" s="484"/>
      <c r="DF8" s="484"/>
      <c r="DG8" s="484"/>
      <c r="DH8" s="484"/>
      <c r="DI8" s="485"/>
    </row>
    <row r="9" spans="1:119" ht="18.75" customHeight="1" thickBot="1" x14ac:dyDescent="0.25">
      <c r="A9" s="177"/>
      <c r="B9" s="437" t="s">
        <v>113</v>
      </c>
      <c r="C9" s="438"/>
      <c r="D9" s="438"/>
      <c r="E9" s="438"/>
      <c r="F9" s="438"/>
      <c r="G9" s="438"/>
      <c r="H9" s="438"/>
      <c r="I9" s="438"/>
      <c r="J9" s="438"/>
      <c r="K9" s="486"/>
      <c r="L9" s="487" t="s">
        <v>114</v>
      </c>
      <c r="M9" s="488"/>
      <c r="N9" s="488"/>
      <c r="O9" s="488"/>
      <c r="P9" s="488"/>
      <c r="Q9" s="489"/>
      <c r="R9" s="490">
        <v>27564</v>
      </c>
      <c r="S9" s="491"/>
      <c r="T9" s="491"/>
      <c r="U9" s="491"/>
      <c r="V9" s="492"/>
      <c r="W9" s="400" t="s">
        <v>115</v>
      </c>
      <c r="X9" s="401"/>
      <c r="Y9" s="401"/>
      <c r="Z9" s="401"/>
      <c r="AA9" s="401"/>
      <c r="AB9" s="401"/>
      <c r="AC9" s="401"/>
      <c r="AD9" s="401"/>
      <c r="AE9" s="401"/>
      <c r="AF9" s="401"/>
      <c r="AG9" s="401"/>
      <c r="AH9" s="401"/>
      <c r="AI9" s="401"/>
      <c r="AJ9" s="401"/>
      <c r="AK9" s="401"/>
      <c r="AL9" s="402"/>
      <c r="AM9" s="472" t="s">
        <v>116</v>
      </c>
      <c r="AN9" s="473"/>
      <c r="AO9" s="473"/>
      <c r="AP9" s="473"/>
      <c r="AQ9" s="473"/>
      <c r="AR9" s="473"/>
      <c r="AS9" s="473"/>
      <c r="AT9" s="474"/>
      <c r="AU9" s="475" t="s">
        <v>96</v>
      </c>
      <c r="AV9" s="476"/>
      <c r="AW9" s="476"/>
      <c r="AX9" s="476"/>
      <c r="AY9" s="477" t="s">
        <v>117</v>
      </c>
      <c r="AZ9" s="478"/>
      <c r="BA9" s="478"/>
      <c r="BB9" s="478"/>
      <c r="BC9" s="478"/>
      <c r="BD9" s="478"/>
      <c r="BE9" s="478"/>
      <c r="BF9" s="478"/>
      <c r="BG9" s="478"/>
      <c r="BH9" s="478"/>
      <c r="BI9" s="478"/>
      <c r="BJ9" s="478"/>
      <c r="BK9" s="478"/>
      <c r="BL9" s="478"/>
      <c r="BM9" s="479"/>
      <c r="BN9" s="443">
        <v>-44486</v>
      </c>
      <c r="BO9" s="444"/>
      <c r="BP9" s="444"/>
      <c r="BQ9" s="444"/>
      <c r="BR9" s="444"/>
      <c r="BS9" s="444"/>
      <c r="BT9" s="444"/>
      <c r="BU9" s="445"/>
      <c r="BV9" s="443">
        <v>131087</v>
      </c>
      <c r="BW9" s="444"/>
      <c r="BX9" s="444"/>
      <c r="BY9" s="444"/>
      <c r="BZ9" s="444"/>
      <c r="CA9" s="444"/>
      <c r="CB9" s="444"/>
      <c r="CC9" s="445"/>
      <c r="CD9" s="446" t="s">
        <v>118</v>
      </c>
      <c r="CE9" s="447"/>
      <c r="CF9" s="447"/>
      <c r="CG9" s="447"/>
      <c r="CH9" s="447"/>
      <c r="CI9" s="447"/>
      <c r="CJ9" s="447"/>
      <c r="CK9" s="447"/>
      <c r="CL9" s="447"/>
      <c r="CM9" s="447"/>
      <c r="CN9" s="447"/>
      <c r="CO9" s="447"/>
      <c r="CP9" s="447"/>
      <c r="CQ9" s="447"/>
      <c r="CR9" s="447"/>
      <c r="CS9" s="448"/>
      <c r="CT9" s="440">
        <v>9.4</v>
      </c>
      <c r="CU9" s="441"/>
      <c r="CV9" s="441"/>
      <c r="CW9" s="441"/>
      <c r="CX9" s="441"/>
      <c r="CY9" s="441"/>
      <c r="CZ9" s="441"/>
      <c r="DA9" s="442"/>
      <c r="DB9" s="440">
        <v>8.8000000000000007</v>
      </c>
      <c r="DC9" s="441"/>
      <c r="DD9" s="441"/>
      <c r="DE9" s="441"/>
      <c r="DF9" s="441"/>
      <c r="DG9" s="441"/>
      <c r="DH9" s="441"/>
      <c r="DI9" s="442"/>
    </row>
    <row r="10" spans="1:119" ht="18.75" customHeight="1" thickBot="1" x14ac:dyDescent="0.25">
      <c r="A10" s="177"/>
      <c r="B10" s="437"/>
      <c r="C10" s="438"/>
      <c r="D10" s="438"/>
      <c r="E10" s="438"/>
      <c r="F10" s="438"/>
      <c r="G10" s="438"/>
      <c r="H10" s="438"/>
      <c r="I10" s="438"/>
      <c r="J10" s="438"/>
      <c r="K10" s="486"/>
      <c r="L10" s="493" t="s">
        <v>119</v>
      </c>
      <c r="M10" s="473"/>
      <c r="N10" s="473"/>
      <c r="O10" s="473"/>
      <c r="P10" s="473"/>
      <c r="Q10" s="474"/>
      <c r="R10" s="494">
        <v>28378</v>
      </c>
      <c r="S10" s="495"/>
      <c r="T10" s="495"/>
      <c r="U10" s="495"/>
      <c r="V10" s="496"/>
      <c r="W10" s="431"/>
      <c r="X10" s="432"/>
      <c r="Y10" s="432"/>
      <c r="Z10" s="432"/>
      <c r="AA10" s="432"/>
      <c r="AB10" s="432"/>
      <c r="AC10" s="432"/>
      <c r="AD10" s="432"/>
      <c r="AE10" s="432"/>
      <c r="AF10" s="432"/>
      <c r="AG10" s="432"/>
      <c r="AH10" s="432"/>
      <c r="AI10" s="432"/>
      <c r="AJ10" s="432"/>
      <c r="AK10" s="432"/>
      <c r="AL10" s="435"/>
      <c r="AM10" s="472" t="s">
        <v>120</v>
      </c>
      <c r="AN10" s="473"/>
      <c r="AO10" s="473"/>
      <c r="AP10" s="473"/>
      <c r="AQ10" s="473"/>
      <c r="AR10" s="473"/>
      <c r="AS10" s="473"/>
      <c r="AT10" s="474"/>
      <c r="AU10" s="475" t="s">
        <v>121</v>
      </c>
      <c r="AV10" s="476"/>
      <c r="AW10" s="476"/>
      <c r="AX10" s="476"/>
      <c r="AY10" s="477" t="s">
        <v>122</v>
      </c>
      <c r="AZ10" s="478"/>
      <c r="BA10" s="478"/>
      <c r="BB10" s="478"/>
      <c r="BC10" s="478"/>
      <c r="BD10" s="478"/>
      <c r="BE10" s="478"/>
      <c r="BF10" s="478"/>
      <c r="BG10" s="478"/>
      <c r="BH10" s="478"/>
      <c r="BI10" s="478"/>
      <c r="BJ10" s="478"/>
      <c r="BK10" s="478"/>
      <c r="BL10" s="478"/>
      <c r="BM10" s="479"/>
      <c r="BN10" s="443">
        <v>270006</v>
      </c>
      <c r="BO10" s="444"/>
      <c r="BP10" s="444"/>
      <c r="BQ10" s="444"/>
      <c r="BR10" s="444"/>
      <c r="BS10" s="444"/>
      <c r="BT10" s="444"/>
      <c r="BU10" s="445"/>
      <c r="BV10" s="443">
        <v>350011</v>
      </c>
      <c r="BW10" s="444"/>
      <c r="BX10" s="444"/>
      <c r="BY10" s="444"/>
      <c r="BZ10" s="444"/>
      <c r="CA10" s="444"/>
      <c r="CB10" s="444"/>
      <c r="CC10" s="445"/>
      <c r="CD10" s="180" t="s">
        <v>123</v>
      </c>
      <c r="CE10" s="181"/>
      <c r="CF10" s="181"/>
      <c r="CG10" s="181"/>
      <c r="CH10" s="181"/>
      <c r="CI10" s="181"/>
      <c r="CJ10" s="181"/>
      <c r="CK10" s="181"/>
      <c r="CL10" s="181"/>
      <c r="CM10" s="181"/>
      <c r="CN10" s="181"/>
      <c r="CO10" s="181"/>
      <c r="CP10" s="181"/>
      <c r="CQ10" s="181"/>
      <c r="CR10" s="181"/>
      <c r="CS10" s="182"/>
      <c r="CT10" s="183"/>
      <c r="CU10" s="184"/>
      <c r="CV10" s="184"/>
      <c r="CW10" s="184"/>
      <c r="CX10" s="184"/>
      <c r="CY10" s="184"/>
      <c r="CZ10" s="184"/>
      <c r="DA10" s="185"/>
      <c r="DB10" s="183"/>
      <c r="DC10" s="184"/>
      <c r="DD10" s="184"/>
      <c r="DE10" s="184"/>
      <c r="DF10" s="184"/>
      <c r="DG10" s="184"/>
      <c r="DH10" s="184"/>
      <c r="DI10" s="185"/>
    </row>
    <row r="11" spans="1:119" ht="18.75" customHeight="1" thickBot="1" x14ac:dyDescent="0.25">
      <c r="A11" s="177"/>
      <c r="B11" s="437"/>
      <c r="C11" s="438"/>
      <c r="D11" s="438"/>
      <c r="E11" s="438"/>
      <c r="F11" s="438"/>
      <c r="G11" s="438"/>
      <c r="H11" s="438"/>
      <c r="I11" s="438"/>
      <c r="J11" s="438"/>
      <c r="K11" s="486"/>
      <c r="L11" s="497" t="s">
        <v>124</v>
      </c>
      <c r="M11" s="498"/>
      <c r="N11" s="498"/>
      <c r="O11" s="498"/>
      <c r="P11" s="498"/>
      <c r="Q11" s="499"/>
      <c r="R11" s="500" t="s">
        <v>125</v>
      </c>
      <c r="S11" s="501"/>
      <c r="T11" s="501"/>
      <c r="U11" s="501"/>
      <c r="V11" s="502"/>
      <c r="W11" s="431"/>
      <c r="X11" s="432"/>
      <c r="Y11" s="432"/>
      <c r="Z11" s="432"/>
      <c r="AA11" s="432"/>
      <c r="AB11" s="432"/>
      <c r="AC11" s="432"/>
      <c r="AD11" s="432"/>
      <c r="AE11" s="432"/>
      <c r="AF11" s="432"/>
      <c r="AG11" s="432"/>
      <c r="AH11" s="432"/>
      <c r="AI11" s="432"/>
      <c r="AJ11" s="432"/>
      <c r="AK11" s="432"/>
      <c r="AL11" s="435"/>
      <c r="AM11" s="472" t="s">
        <v>126</v>
      </c>
      <c r="AN11" s="473"/>
      <c r="AO11" s="473"/>
      <c r="AP11" s="473"/>
      <c r="AQ11" s="473"/>
      <c r="AR11" s="473"/>
      <c r="AS11" s="473"/>
      <c r="AT11" s="474"/>
      <c r="AU11" s="475" t="s">
        <v>127</v>
      </c>
      <c r="AV11" s="476"/>
      <c r="AW11" s="476"/>
      <c r="AX11" s="476"/>
      <c r="AY11" s="477" t="s">
        <v>128</v>
      </c>
      <c r="AZ11" s="478"/>
      <c r="BA11" s="478"/>
      <c r="BB11" s="478"/>
      <c r="BC11" s="478"/>
      <c r="BD11" s="478"/>
      <c r="BE11" s="478"/>
      <c r="BF11" s="478"/>
      <c r="BG11" s="478"/>
      <c r="BH11" s="478"/>
      <c r="BI11" s="478"/>
      <c r="BJ11" s="478"/>
      <c r="BK11" s="478"/>
      <c r="BL11" s="478"/>
      <c r="BM11" s="479"/>
      <c r="BN11" s="443">
        <v>0</v>
      </c>
      <c r="BO11" s="444"/>
      <c r="BP11" s="444"/>
      <c r="BQ11" s="444"/>
      <c r="BR11" s="444"/>
      <c r="BS11" s="444"/>
      <c r="BT11" s="444"/>
      <c r="BU11" s="445"/>
      <c r="BV11" s="443">
        <v>0</v>
      </c>
      <c r="BW11" s="444"/>
      <c r="BX11" s="444"/>
      <c r="BY11" s="444"/>
      <c r="BZ11" s="444"/>
      <c r="CA11" s="444"/>
      <c r="CB11" s="444"/>
      <c r="CC11" s="445"/>
      <c r="CD11" s="446" t="s">
        <v>129</v>
      </c>
      <c r="CE11" s="447"/>
      <c r="CF11" s="447"/>
      <c r="CG11" s="447"/>
      <c r="CH11" s="447"/>
      <c r="CI11" s="447"/>
      <c r="CJ11" s="447"/>
      <c r="CK11" s="447"/>
      <c r="CL11" s="447"/>
      <c r="CM11" s="447"/>
      <c r="CN11" s="447"/>
      <c r="CO11" s="447"/>
      <c r="CP11" s="447"/>
      <c r="CQ11" s="447"/>
      <c r="CR11" s="447"/>
      <c r="CS11" s="448"/>
      <c r="CT11" s="483" t="s">
        <v>130</v>
      </c>
      <c r="CU11" s="484"/>
      <c r="CV11" s="484"/>
      <c r="CW11" s="484"/>
      <c r="CX11" s="484"/>
      <c r="CY11" s="484"/>
      <c r="CZ11" s="484"/>
      <c r="DA11" s="485"/>
      <c r="DB11" s="483" t="s">
        <v>130</v>
      </c>
      <c r="DC11" s="484"/>
      <c r="DD11" s="484"/>
      <c r="DE11" s="484"/>
      <c r="DF11" s="484"/>
      <c r="DG11" s="484"/>
      <c r="DH11" s="484"/>
      <c r="DI11" s="485"/>
    </row>
    <row r="12" spans="1:119" ht="18.75" customHeight="1" x14ac:dyDescent="0.2">
      <c r="A12" s="177"/>
      <c r="B12" s="503" t="s">
        <v>131</v>
      </c>
      <c r="C12" s="504"/>
      <c r="D12" s="504"/>
      <c r="E12" s="504"/>
      <c r="F12" s="504"/>
      <c r="G12" s="504"/>
      <c r="H12" s="504"/>
      <c r="I12" s="504"/>
      <c r="J12" s="504"/>
      <c r="K12" s="505"/>
      <c r="L12" s="512" t="s">
        <v>132</v>
      </c>
      <c r="M12" s="513"/>
      <c r="N12" s="513"/>
      <c r="O12" s="513"/>
      <c r="P12" s="513"/>
      <c r="Q12" s="514"/>
      <c r="R12" s="515">
        <v>27925</v>
      </c>
      <c r="S12" s="516"/>
      <c r="T12" s="516"/>
      <c r="U12" s="516"/>
      <c r="V12" s="517"/>
      <c r="W12" s="518" t="s">
        <v>1</v>
      </c>
      <c r="X12" s="476"/>
      <c r="Y12" s="476"/>
      <c r="Z12" s="476"/>
      <c r="AA12" s="476"/>
      <c r="AB12" s="519"/>
      <c r="AC12" s="520" t="s">
        <v>133</v>
      </c>
      <c r="AD12" s="521"/>
      <c r="AE12" s="521"/>
      <c r="AF12" s="521"/>
      <c r="AG12" s="522"/>
      <c r="AH12" s="520" t="s">
        <v>134</v>
      </c>
      <c r="AI12" s="521"/>
      <c r="AJ12" s="521"/>
      <c r="AK12" s="521"/>
      <c r="AL12" s="523"/>
      <c r="AM12" s="472" t="s">
        <v>135</v>
      </c>
      <c r="AN12" s="473"/>
      <c r="AO12" s="473"/>
      <c r="AP12" s="473"/>
      <c r="AQ12" s="473"/>
      <c r="AR12" s="473"/>
      <c r="AS12" s="473"/>
      <c r="AT12" s="474"/>
      <c r="AU12" s="475" t="s">
        <v>136</v>
      </c>
      <c r="AV12" s="476"/>
      <c r="AW12" s="476"/>
      <c r="AX12" s="476"/>
      <c r="AY12" s="477" t="s">
        <v>137</v>
      </c>
      <c r="AZ12" s="478"/>
      <c r="BA12" s="478"/>
      <c r="BB12" s="478"/>
      <c r="BC12" s="478"/>
      <c r="BD12" s="478"/>
      <c r="BE12" s="478"/>
      <c r="BF12" s="478"/>
      <c r="BG12" s="478"/>
      <c r="BH12" s="478"/>
      <c r="BI12" s="478"/>
      <c r="BJ12" s="478"/>
      <c r="BK12" s="478"/>
      <c r="BL12" s="478"/>
      <c r="BM12" s="479"/>
      <c r="BN12" s="443">
        <v>228840</v>
      </c>
      <c r="BO12" s="444"/>
      <c r="BP12" s="444"/>
      <c r="BQ12" s="444"/>
      <c r="BR12" s="444"/>
      <c r="BS12" s="444"/>
      <c r="BT12" s="444"/>
      <c r="BU12" s="445"/>
      <c r="BV12" s="443">
        <v>242000</v>
      </c>
      <c r="BW12" s="444"/>
      <c r="BX12" s="444"/>
      <c r="BY12" s="444"/>
      <c r="BZ12" s="444"/>
      <c r="CA12" s="444"/>
      <c r="CB12" s="444"/>
      <c r="CC12" s="445"/>
      <c r="CD12" s="446" t="s">
        <v>138</v>
      </c>
      <c r="CE12" s="447"/>
      <c r="CF12" s="447"/>
      <c r="CG12" s="447"/>
      <c r="CH12" s="447"/>
      <c r="CI12" s="447"/>
      <c r="CJ12" s="447"/>
      <c r="CK12" s="447"/>
      <c r="CL12" s="447"/>
      <c r="CM12" s="447"/>
      <c r="CN12" s="447"/>
      <c r="CO12" s="447"/>
      <c r="CP12" s="447"/>
      <c r="CQ12" s="447"/>
      <c r="CR12" s="447"/>
      <c r="CS12" s="448"/>
      <c r="CT12" s="483" t="s">
        <v>139</v>
      </c>
      <c r="CU12" s="484"/>
      <c r="CV12" s="484"/>
      <c r="CW12" s="484"/>
      <c r="CX12" s="484"/>
      <c r="CY12" s="484"/>
      <c r="CZ12" s="484"/>
      <c r="DA12" s="485"/>
      <c r="DB12" s="483" t="s">
        <v>140</v>
      </c>
      <c r="DC12" s="484"/>
      <c r="DD12" s="484"/>
      <c r="DE12" s="484"/>
      <c r="DF12" s="484"/>
      <c r="DG12" s="484"/>
      <c r="DH12" s="484"/>
      <c r="DI12" s="485"/>
    </row>
    <row r="13" spans="1:119" ht="18.75" customHeight="1" x14ac:dyDescent="0.2">
      <c r="A13" s="177"/>
      <c r="B13" s="506"/>
      <c r="C13" s="507"/>
      <c r="D13" s="507"/>
      <c r="E13" s="507"/>
      <c r="F13" s="507"/>
      <c r="G13" s="507"/>
      <c r="H13" s="507"/>
      <c r="I13" s="507"/>
      <c r="J13" s="507"/>
      <c r="K13" s="508"/>
      <c r="L13" s="186"/>
      <c r="M13" s="534" t="s">
        <v>141</v>
      </c>
      <c r="N13" s="535"/>
      <c r="O13" s="535"/>
      <c r="P13" s="535"/>
      <c r="Q13" s="536"/>
      <c r="R13" s="527">
        <v>27676</v>
      </c>
      <c r="S13" s="528"/>
      <c r="T13" s="528"/>
      <c r="U13" s="528"/>
      <c r="V13" s="529"/>
      <c r="W13" s="459" t="s">
        <v>142</v>
      </c>
      <c r="X13" s="460"/>
      <c r="Y13" s="460"/>
      <c r="Z13" s="460"/>
      <c r="AA13" s="460"/>
      <c r="AB13" s="450"/>
      <c r="AC13" s="494">
        <v>203</v>
      </c>
      <c r="AD13" s="495"/>
      <c r="AE13" s="495"/>
      <c r="AF13" s="495"/>
      <c r="AG13" s="537"/>
      <c r="AH13" s="494">
        <v>205</v>
      </c>
      <c r="AI13" s="495"/>
      <c r="AJ13" s="495"/>
      <c r="AK13" s="495"/>
      <c r="AL13" s="496"/>
      <c r="AM13" s="472" t="s">
        <v>143</v>
      </c>
      <c r="AN13" s="473"/>
      <c r="AO13" s="473"/>
      <c r="AP13" s="473"/>
      <c r="AQ13" s="473"/>
      <c r="AR13" s="473"/>
      <c r="AS13" s="473"/>
      <c r="AT13" s="474"/>
      <c r="AU13" s="475" t="s">
        <v>107</v>
      </c>
      <c r="AV13" s="476"/>
      <c r="AW13" s="476"/>
      <c r="AX13" s="476"/>
      <c r="AY13" s="477" t="s">
        <v>144</v>
      </c>
      <c r="AZ13" s="478"/>
      <c r="BA13" s="478"/>
      <c r="BB13" s="478"/>
      <c r="BC13" s="478"/>
      <c r="BD13" s="478"/>
      <c r="BE13" s="478"/>
      <c r="BF13" s="478"/>
      <c r="BG13" s="478"/>
      <c r="BH13" s="478"/>
      <c r="BI13" s="478"/>
      <c r="BJ13" s="478"/>
      <c r="BK13" s="478"/>
      <c r="BL13" s="478"/>
      <c r="BM13" s="479"/>
      <c r="BN13" s="443">
        <v>-3320</v>
      </c>
      <c r="BO13" s="444"/>
      <c r="BP13" s="444"/>
      <c r="BQ13" s="444"/>
      <c r="BR13" s="444"/>
      <c r="BS13" s="444"/>
      <c r="BT13" s="444"/>
      <c r="BU13" s="445"/>
      <c r="BV13" s="443">
        <v>239098</v>
      </c>
      <c r="BW13" s="444"/>
      <c r="BX13" s="444"/>
      <c r="BY13" s="444"/>
      <c r="BZ13" s="444"/>
      <c r="CA13" s="444"/>
      <c r="CB13" s="444"/>
      <c r="CC13" s="445"/>
      <c r="CD13" s="446" t="s">
        <v>145</v>
      </c>
      <c r="CE13" s="447"/>
      <c r="CF13" s="447"/>
      <c r="CG13" s="447"/>
      <c r="CH13" s="447"/>
      <c r="CI13" s="447"/>
      <c r="CJ13" s="447"/>
      <c r="CK13" s="447"/>
      <c r="CL13" s="447"/>
      <c r="CM13" s="447"/>
      <c r="CN13" s="447"/>
      <c r="CO13" s="447"/>
      <c r="CP13" s="447"/>
      <c r="CQ13" s="447"/>
      <c r="CR13" s="447"/>
      <c r="CS13" s="448"/>
      <c r="CT13" s="440">
        <v>4.8</v>
      </c>
      <c r="CU13" s="441"/>
      <c r="CV13" s="441"/>
      <c r="CW13" s="441"/>
      <c r="CX13" s="441"/>
      <c r="CY13" s="441"/>
      <c r="CZ13" s="441"/>
      <c r="DA13" s="442"/>
      <c r="DB13" s="440">
        <v>4.8</v>
      </c>
      <c r="DC13" s="441"/>
      <c r="DD13" s="441"/>
      <c r="DE13" s="441"/>
      <c r="DF13" s="441"/>
      <c r="DG13" s="441"/>
      <c r="DH13" s="441"/>
      <c r="DI13" s="442"/>
    </row>
    <row r="14" spans="1:119" ht="18.75" customHeight="1" thickBot="1" x14ac:dyDescent="0.25">
      <c r="A14" s="177"/>
      <c r="B14" s="506"/>
      <c r="C14" s="507"/>
      <c r="D14" s="507"/>
      <c r="E14" s="507"/>
      <c r="F14" s="507"/>
      <c r="G14" s="507"/>
      <c r="H14" s="507"/>
      <c r="I14" s="507"/>
      <c r="J14" s="507"/>
      <c r="K14" s="508"/>
      <c r="L14" s="524" t="s">
        <v>146</v>
      </c>
      <c r="M14" s="525"/>
      <c r="N14" s="525"/>
      <c r="O14" s="525"/>
      <c r="P14" s="525"/>
      <c r="Q14" s="526"/>
      <c r="R14" s="527">
        <v>28183</v>
      </c>
      <c r="S14" s="528"/>
      <c r="T14" s="528"/>
      <c r="U14" s="528"/>
      <c r="V14" s="529"/>
      <c r="W14" s="433"/>
      <c r="X14" s="434"/>
      <c r="Y14" s="434"/>
      <c r="Z14" s="434"/>
      <c r="AA14" s="434"/>
      <c r="AB14" s="423"/>
      <c r="AC14" s="530">
        <v>1.7</v>
      </c>
      <c r="AD14" s="531"/>
      <c r="AE14" s="531"/>
      <c r="AF14" s="531"/>
      <c r="AG14" s="532"/>
      <c r="AH14" s="530">
        <v>1.7</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7</v>
      </c>
      <c r="CE14" s="539"/>
      <c r="CF14" s="539"/>
      <c r="CG14" s="539"/>
      <c r="CH14" s="539"/>
      <c r="CI14" s="539"/>
      <c r="CJ14" s="539"/>
      <c r="CK14" s="539"/>
      <c r="CL14" s="539"/>
      <c r="CM14" s="539"/>
      <c r="CN14" s="539"/>
      <c r="CO14" s="539"/>
      <c r="CP14" s="539"/>
      <c r="CQ14" s="539"/>
      <c r="CR14" s="539"/>
      <c r="CS14" s="540"/>
      <c r="CT14" s="541">
        <v>4.9000000000000004</v>
      </c>
      <c r="CU14" s="542"/>
      <c r="CV14" s="542"/>
      <c r="CW14" s="542"/>
      <c r="CX14" s="542"/>
      <c r="CY14" s="542"/>
      <c r="CZ14" s="542"/>
      <c r="DA14" s="543"/>
      <c r="DB14" s="541">
        <v>5.8</v>
      </c>
      <c r="DC14" s="542"/>
      <c r="DD14" s="542"/>
      <c r="DE14" s="542"/>
      <c r="DF14" s="542"/>
      <c r="DG14" s="542"/>
      <c r="DH14" s="542"/>
      <c r="DI14" s="543"/>
    </row>
    <row r="15" spans="1:119" ht="18.75" customHeight="1" x14ac:dyDescent="0.2">
      <c r="A15" s="177"/>
      <c r="B15" s="506"/>
      <c r="C15" s="507"/>
      <c r="D15" s="507"/>
      <c r="E15" s="507"/>
      <c r="F15" s="507"/>
      <c r="G15" s="507"/>
      <c r="H15" s="507"/>
      <c r="I15" s="507"/>
      <c r="J15" s="507"/>
      <c r="K15" s="508"/>
      <c r="L15" s="186"/>
      <c r="M15" s="534" t="s">
        <v>148</v>
      </c>
      <c r="N15" s="535"/>
      <c r="O15" s="535"/>
      <c r="P15" s="535"/>
      <c r="Q15" s="536"/>
      <c r="R15" s="527">
        <v>27971</v>
      </c>
      <c r="S15" s="528"/>
      <c r="T15" s="528"/>
      <c r="U15" s="528"/>
      <c r="V15" s="529"/>
      <c r="W15" s="459" t="s">
        <v>149</v>
      </c>
      <c r="X15" s="460"/>
      <c r="Y15" s="460"/>
      <c r="Z15" s="460"/>
      <c r="AA15" s="460"/>
      <c r="AB15" s="450"/>
      <c r="AC15" s="494">
        <v>2481</v>
      </c>
      <c r="AD15" s="495"/>
      <c r="AE15" s="495"/>
      <c r="AF15" s="495"/>
      <c r="AG15" s="537"/>
      <c r="AH15" s="494">
        <v>2827</v>
      </c>
      <c r="AI15" s="495"/>
      <c r="AJ15" s="495"/>
      <c r="AK15" s="495"/>
      <c r="AL15" s="496"/>
      <c r="AM15" s="472"/>
      <c r="AN15" s="473"/>
      <c r="AO15" s="473"/>
      <c r="AP15" s="473"/>
      <c r="AQ15" s="473"/>
      <c r="AR15" s="473"/>
      <c r="AS15" s="473"/>
      <c r="AT15" s="474"/>
      <c r="AU15" s="475"/>
      <c r="AV15" s="476"/>
      <c r="AW15" s="476"/>
      <c r="AX15" s="476"/>
      <c r="AY15" s="403" t="s">
        <v>150</v>
      </c>
      <c r="AZ15" s="404"/>
      <c r="BA15" s="404"/>
      <c r="BB15" s="404"/>
      <c r="BC15" s="404"/>
      <c r="BD15" s="404"/>
      <c r="BE15" s="404"/>
      <c r="BF15" s="404"/>
      <c r="BG15" s="404"/>
      <c r="BH15" s="404"/>
      <c r="BI15" s="404"/>
      <c r="BJ15" s="404"/>
      <c r="BK15" s="404"/>
      <c r="BL15" s="404"/>
      <c r="BM15" s="405"/>
      <c r="BN15" s="406">
        <v>3242091</v>
      </c>
      <c r="BO15" s="407"/>
      <c r="BP15" s="407"/>
      <c r="BQ15" s="407"/>
      <c r="BR15" s="407"/>
      <c r="BS15" s="407"/>
      <c r="BT15" s="407"/>
      <c r="BU15" s="408"/>
      <c r="BV15" s="406">
        <v>3136651</v>
      </c>
      <c r="BW15" s="407"/>
      <c r="BX15" s="407"/>
      <c r="BY15" s="407"/>
      <c r="BZ15" s="407"/>
      <c r="CA15" s="407"/>
      <c r="CB15" s="407"/>
      <c r="CC15" s="408"/>
      <c r="CD15" s="544" t="s">
        <v>151</v>
      </c>
      <c r="CE15" s="545"/>
      <c r="CF15" s="545"/>
      <c r="CG15" s="545"/>
      <c r="CH15" s="545"/>
      <c r="CI15" s="545"/>
      <c r="CJ15" s="545"/>
      <c r="CK15" s="545"/>
      <c r="CL15" s="545"/>
      <c r="CM15" s="545"/>
      <c r="CN15" s="545"/>
      <c r="CO15" s="545"/>
      <c r="CP15" s="545"/>
      <c r="CQ15" s="545"/>
      <c r="CR15" s="545"/>
      <c r="CS15" s="546"/>
      <c r="CT15" s="187"/>
      <c r="CU15" s="188"/>
      <c r="CV15" s="188"/>
      <c r="CW15" s="188"/>
      <c r="CX15" s="188"/>
      <c r="CY15" s="188"/>
      <c r="CZ15" s="188"/>
      <c r="DA15" s="189"/>
      <c r="DB15" s="187"/>
      <c r="DC15" s="188"/>
      <c r="DD15" s="188"/>
      <c r="DE15" s="188"/>
      <c r="DF15" s="188"/>
      <c r="DG15" s="188"/>
      <c r="DH15" s="188"/>
      <c r="DI15" s="189"/>
    </row>
    <row r="16" spans="1:119" ht="18.75" customHeight="1" x14ac:dyDescent="0.2">
      <c r="A16" s="177"/>
      <c r="B16" s="506"/>
      <c r="C16" s="507"/>
      <c r="D16" s="507"/>
      <c r="E16" s="507"/>
      <c r="F16" s="507"/>
      <c r="G16" s="507"/>
      <c r="H16" s="507"/>
      <c r="I16" s="507"/>
      <c r="J16" s="507"/>
      <c r="K16" s="508"/>
      <c r="L16" s="524" t="s">
        <v>152</v>
      </c>
      <c r="M16" s="547"/>
      <c r="N16" s="547"/>
      <c r="O16" s="547"/>
      <c r="P16" s="547"/>
      <c r="Q16" s="548"/>
      <c r="R16" s="549" t="s">
        <v>153</v>
      </c>
      <c r="S16" s="550"/>
      <c r="T16" s="550"/>
      <c r="U16" s="550"/>
      <c r="V16" s="551"/>
      <c r="W16" s="433"/>
      <c r="X16" s="434"/>
      <c r="Y16" s="434"/>
      <c r="Z16" s="434"/>
      <c r="AA16" s="434"/>
      <c r="AB16" s="423"/>
      <c r="AC16" s="530">
        <v>20.5</v>
      </c>
      <c r="AD16" s="531"/>
      <c r="AE16" s="531"/>
      <c r="AF16" s="531"/>
      <c r="AG16" s="532"/>
      <c r="AH16" s="530">
        <v>22.8</v>
      </c>
      <c r="AI16" s="531"/>
      <c r="AJ16" s="531"/>
      <c r="AK16" s="531"/>
      <c r="AL16" s="533"/>
      <c r="AM16" s="472"/>
      <c r="AN16" s="473"/>
      <c r="AO16" s="473"/>
      <c r="AP16" s="473"/>
      <c r="AQ16" s="473"/>
      <c r="AR16" s="473"/>
      <c r="AS16" s="473"/>
      <c r="AT16" s="474"/>
      <c r="AU16" s="475"/>
      <c r="AV16" s="476"/>
      <c r="AW16" s="476"/>
      <c r="AX16" s="476"/>
      <c r="AY16" s="477" t="s">
        <v>154</v>
      </c>
      <c r="AZ16" s="478"/>
      <c r="BA16" s="478"/>
      <c r="BB16" s="478"/>
      <c r="BC16" s="478"/>
      <c r="BD16" s="478"/>
      <c r="BE16" s="478"/>
      <c r="BF16" s="478"/>
      <c r="BG16" s="478"/>
      <c r="BH16" s="478"/>
      <c r="BI16" s="478"/>
      <c r="BJ16" s="478"/>
      <c r="BK16" s="478"/>
      <c r="BL16" s="478"/>
      <c r="BM16" s="479"/>
      <c r="BN16" s="443">
        <v>5100450</v>
      </c>
      <c r="BO16" s="444"/>
      <c r="BP16" s="444"/>
      <c r="BQ16" s="444"/>
      <c r="BR16" s="444"/>
      <c r="BS16" s="444"/>
      <c r="BT16" s="444"/>
      <c r="BU16" s="445"/>
      <c r="BV16" s="443">
        <v>4882818</v>
      </c>
      <c r="BW16" s="444"/>
      <c r="BX16" s="444"/>
      <c r="BY16" s="444"/>
      <c r="BZ16" s="444"/>
      <c r="CA16" s="444"/>
      <c r="CB16" s="444"/>
      <c r="CC16" s="445"/>
      <c r="CD16" s="190"/>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77"/>
      <c r="B17" s="509"/>
      <c r="C17" s="510"/>
      <c r="D17" s="510"/>
      <c r="E17" s="510"/>
      <c r="F17" s="510"/>
      <c r="G17" s="510"/>
      <c r="H17" s="510"/>
      <c r="I17" s="510"/>
      <c r="J17" s="510"/>
      <c r="K17" s="511"/>
      <c r="L17" s="191"/>
      <c r="M17" s="554" t="s">
        <v>155</v>
      </c>
      <c r="N17" s="555"/>
      <c r="O17" s="555"/>
      <c r="P17" s="555"/>
      <c r="Q17" s="556"/>
      <c r="R17" s="549" t="s">
        <v>156</v>
      </c>
      <c r="S17" s="550"/>
      <c r="T17" s="550"/>
      <c r="U17" s="550"/>
      <c r="V17" s="551"/>
      <c r="W17" s="459" t="s">
        <v>157</v>
      </c>
      <c r="X17" s="460"/>
      <c r="Y17" s="460"/>
      <c r="Z17" s="460"/>
      <c r="AA17" s="460"/>
      <c r="AB17" s="450"/>
      <c r="AC17" s="494">
        <v>9404</v>
      </c>
      <c r="AD17" s="495"/>
      <c r="AE17" s="495"/>
      <c r="AF17" s="495"/>
      <c r="AG17" s="537"/>
      <c r="AH17" s="494">
        <v>9369</v>
      </c>
      <c r="AI17" s="495"/>
      <c r="AJ17" s="495"/>
      <c r="AK17" s="495"/>
      <c r="AL17" s="496"/>
      <c r="AM17" s="472"/>
      <c r="AN17" s="473"/>
      <c r="AO17" s="473"/>
      <c r="AP17" s="473"/>
      <c r="AQ17" s="473"/>
      <c r="AR17" s="473"/>
      <c r="AS17" s="473"/>
      <c r="AT17" s="474"/>
      <c r="AU17" s="475"/>
      <c r="AV17" s="476"/>
      <c r="AW17" s="476"/>
      <c r="AX17" s="476"/>
      <c r="AY17" s="477" t="s">
        <v>158</v>
      </c>
      <c r="AZ17" s="478"/>
      <c r="BA17" s="478"/>
      <c r="BB17" s="478"/>
      <c r="BC17" s="478"/>
      <c r="BD17" s="478"/>
      <c r="BE17" s="478"/>
      <c r="BF17" s="478"/>
      <c r="BG17" s="478"/>
      <c r="BH17" s="478"/>
      <c r="BI17" s="478"/>
      <c r="BJ17" s="478"/>
      <c r="BK17" s="478"/>
      <c r="BL17" s="478"/>
      <c r="BM17" s="479"/>
      <c r="BN17" s="443">
        <v>4110024</v>
      </c>
      <c r="BO17" s="444"/>
      <c r="BP17" s="444"/>
      <c r="BQ17" s="444"/>
      <c r="BR17" s="444"/>
      <c r="BS17" s="444"/>
      <c r="BT17" s="444"/>
      <c r="BU17" s="445"/>
      <c r="BV17" s="443">
        <v>3990726</v>
      </c>
      <c r="BW17" s="444"/>
      <c r="BX17" s="444"/>
      <c r="BY17" s="444"/>
      <c r="BZ17" s="444"/>
      <c r="CA17" s="444"/>
      <c r="CB17" s="444"/>
      <c r="CC17" s="445"/>
      <c r="CD17" s="190"/>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77"/>
      <c r="B18" s="565" t="s">
        <v>159</v>
      </c>
      <c r="C18" s="486"/>
      <c r="D18" s="486"/>
      <c r="E18" s="566"/>
      <c r="F18" s="566"/>
      <c r="G18" s="566"/>
      <c r="H18" s="566"/>
      <c r="I18" s="566"/>
      <c r="J18" s="566"/>
      <c r="K18" s="566"/>
      <c r="L18" s="567">
        <v>9.08</v>
      </c>
      <c r="M18" s="567"/>
      <c r="N18" s="567"/>
      <c r="O18" s="567"/>
      <c r="P18" s="567"/>
      <c r="Q18" s="567"/>
      <c r="R18" s="568"/>
      <c r="S18" s="568"/>
      <c r="T18" s="568"/>
      <c r="U18" s="568"/>
      <c r="V18" s="569"/>
      <c r="W18" s="461"/>
      <c r="X18" s="462"/>
      <c r="Y18" s="462"/>
      <c r="Z18" s="462"/>
      <c r="AA18" s="462"/>
      <c r="AB18" s="453"/>
      <c r="AC18" s="570">
        <v>77.8</v>
      </c>
      <c r="AD18" s="571"/>
      <c r="AE18" s="571"/>
      <c r="AF18" s="571"/>
      <c r="AG18" s="572"/>
      <c r="AH18" s="570">
        <v>75.599999999999994</v>
      </c>
      <c r="AI18" s="571"/>
      <c r="AJ18" s="571"/>
      <c r="AK18" s="571"/>
      <c r="AL18" s="573"/>
      <c r="AM18" s="472"/>
      <c r="AN18" s="473"/>
      <c r="AO18" s="473"/>
      <c r="AP18" s="473"/>
      <c r="AQ18" s="473"/>
      <c r="AR18" s="473"/>
      <c r="AS18" s="473"/>
      <c r="AT18" s="474"/>
      <c r="AU18" s="475"/>
      <c r="AV18" s="476"/>
      <c r="AW18" s="476"/>
      <c r="AX18" s="476"/>
      <c r="AY18" s="477" t="s">
        <v>160</v>
      </c>
      <c r="AZ18" s="478"/>
      <c r="BA18" s="478"/>
      <c r="BB18" s="478"/>
      <c r="BC18" s="478"/>
      <c r="BD18" s="478"/>
      <c r="BE18" s="478"/>
      <c r="BF18" s="478"/>
      <c r="BG18" s="478"/>
      <c r="BH18" s="478"/>
      <c r="BI18" s="478"/>
      <c r="BJ18" s="478"/>
      <c r="BK18" s="478"/>
      <c r="BL18" s="478"/>
      <c r="BM18" s="479"/>
      <c r="BN18" s="443">
        <v>5921927</v>
      </c>
      <c r="BO18" s="444"/>
      <c r="BP18" s="444"/>
      <c r="BQ18" s="444"/>
      <c r="BR18" s="444"/>
      <c r="BS18" s="444"/>
      <c r="BT18" s="444"/>
      <c r="BU18" s="445"/>
      <c r="BV18" s="443">
        <v>5633639</v>
      </c>
      <c r="BW18" s="444"/>
      <c r="BX18" s="444"/>
      <c r="BY18" s="444"/>
      <c r="BZ18" s="444"/>
      <c r="CA18" s="444"/>
      <c r="CB18" s="444"/>
      <c r="CC18" s="445"/>
      <c r="CD18" s="190"/>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77"/>
      <c r="B19" s="565" t="s">
        <v>161</v>
      </c>
      <c r="C19" s="486"/>
      <c r="D19" s="486"/>
      <c r="E19" s="566"/>
      <c r="F19" s="566"/>
      <c r="G19" s="566"/>
      <c r="H19" s="566"/>
      <c r="I19" s="566"/>
      <c r="J19" s="566"/>
      <c r="K19" s="566"/>
      <c r="L19" s="574">
        <v>3036</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62</v>
      </c>
      <c r="AZ19" s="478"/>
      <c r="BA19" s="478"/>
      <c r="BB19" s="478"/>
      <c r="BC19" s="478"/>
      <c r="BD19" s="478"/>
      <c r="BE19" s="478"/>
      <c r="BF19" s="478"/>
      <c r="BG19" s="478"/>
      <c r="BH19" s="478"/>
      <c r="BI19" s="478"/>
      <c r="BJ19" s="478"/>
      <c r="BK19" s="478"/>
      <c r="BL19" s="478"/>
      <c r="BM19" s="479"/>
      <c r="BN19" s="443">
        <v>7501436</v>
      </c>
      <c r="BO19" s="444"/>
      <c r="BP19" s="444"/>
      <c r="BQ19" s="444"/>
      <c r="BR19" s="444"/>
      <c r="BS19" s="444"/>
      <c r="BT19" s="444"/>
      <c r="BU19" s="445"/>
      <c r="BV19" s="443">
        <v>7412407</v>
      </c>
      <c r="BW19" s="444"/>
      <c r="BX19" s="444"/>
      <c r="BY19" s="444"/>
      <c r="BZ19" s="444"/>
      <c r="CA19" s="444"/>
      <c r="CB19" s="444"/>
      <c r="CC19" s="445"/>
      <c r="CD19" s="190"/>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77"/>
      <c r="B20" s="565" t="s">
        <v>163</v>
      </c>
      <c r="C20" s="486"/>
      <c r="D20" s="486"/>
      <c r="E20" s="566"/>
      <c r="F20" s="566"/>
      <c r="G20" s="566"/>
      <c r="H20" s="566"/>
      <c r="I20" s="566"/>
      <c r="J20" s="566"/>
      <c r="K20" s="566"/>
      <c r="L20" s="574">
        <v>11552</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0"/>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77"/>
      <c r="B21" s="583" t="s">
        <v>164</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0"/>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77"/>
      <c r="B22" s="613" t="s">
        <v>165</v>
      </c>
      <c r="C22" s="587"/>
      <c r="D22" s="588"/>
      <c r="E22" s="455" t="s">
        <v>1</v>
      </c>
      <c r="F22" s="460"/>
      <c r="G22" s="460"/>
      <c r="H22" s="460"/>
      <c r="I22" s="460"/>
      <c r="J22" s="460"/>
      <c r="K22" s="450"/>
      <c r="L22" s="455" t="s">
        <v>166</v>
      </c>
      <c r="M22" s="460"/>
      <c r="N22" s="460"/>
      <c r="O22" s="460"/>
      <c r="P22" s="450"/>
      <c r="Q22" s="618" t="s">
        <v>167</v>
      </c>
      <c r="R22" s="619"/>
      <c r="S22" s="619"/>
      <c r="T22" s="619"/>
      <c r="U22" s="619"/>
      <c r="V22" s="620"/>
      <c r="W22" s="586" t="s">
        <v>168</v>
      </c>
      <c r="X22" s="587"/>
      <c r="Y22" s="588"/>
      <c r="Z22" s="455" t="s">
        <v>1</v>
      </c>
      <c r="AA22" s="460"/>
      <c r="AB22" s="460"/>
      <c r="AC22" s="460"/>
      <c r="AD22" s="460"/>
      <c r="AE22" s="460"/>
      <c r="AF22" s="460"/>
      <c r="AG22" s="450"/>
      <c r="AH22" s="624" t="s">
        <v>169</v>
      </c>
      <c r="AI22" s="460"/>
      <c r="AJ22" s="460"/>
      <c r="AK22" s="460"/>
      <c r="AL22" s="450"/>
      <c r="AM22" s="624" t="s">
        <v>170</v>
      </c>
      <c r="AN22" s="625"/>
      <c r="AO22" s="625"/>
      <c r="AP22" s="625"/>
      <c r="AQ22" s="625"/>
      <c r="AR22" s="626"/>
      <c r="AS22" s="618" t="s">
        <v>167</v>
      </c>
      <c r="AT22" s="619"/>
      <c r="AU22" s="619"/>
      <c r="AV22" s="619"/>
      <c r="AW22" s="619"/>
      <c r="AX22" s="630"/>
      <c r="AY22" s="403" t="s">
        <v>171</v>
      </c>
      <c r="AZ22" s="404"/>
      <c r="BA22" s="404"/>
      <c r="BB22" s="404"/>
      <c r="BC22" s="404"/>
      <c r="BD22" s="404"/>
      <c r="BE22" s="404"/>
      <c r="BF22" s="404"/>
      <c r="BG22" s="404"/>
      <c r="BH22" s="404"/>
      <c r="BI22" s="404"/>
      <c r="BJ22" s="404"/>
      <c r="BK22" s="404"/>
      <c r="BL22" s="404"/>
      <c r="BM22" s="405"/>
      <c r="BN22" s="406">
        <v>6980430</v>
      </c>
      <c r="BO22" s="407"/>
      <c r="BP22" s="407"/>
      <c r="BQ22" s="407"/>
      <c r="BR22" s="407"/>
      <c r="BS22" s="407"/>
      <c r="BT22" s="407"/>
      <c r="BU22" s="408"/>
      <c r="BV22" s="406">
        <v>7349988</v>
      </c>
      <c r="BW22" s="407"/>
      <c r="BX22" s="407"/>
      <c r="BY22" s="407"/>
      <c r="BZ22" s="407"/>
      <c r="CA22" s="407"/>
      <c r="CB22" s="407"/>
      <c r="CC22" s="408"/>
      <c r="CD22" s="190"/>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77"/>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72</v>
      </c>
      <c r="AZ23" s="478"/>
      <c r="BA23" s="478"/>
      <c r="BB23" s="478"/>
      <c r="BC23" s="478"/>
      <c r="BD23" s="478"/>
      <c r="BE23" s="478"/>
      <c r="BF23" s="478"/>
      <c r="BG23" s="478"/>
      <c r="BH23" s="478"/>
      <c r="BI23" s="478"/>
      <c r="BJ23" s="478"/>
      <c r="BK23" s="478"/>
      <c r="BL23" s="478"/>
      <c r="BM23" s="479"/>
      <c r="BN23" s="443">
        <v>6141704</v>
      </c>
      <c r="BO23" s="444"/>
      <c r="BP23" s="444"/>
      <c r="BQ23" s="444"/>
      <c r="BR23" s="444"/>
      <c r="BS23" s="444"/>
      <c r="BT23" s="444"/>
      <c r="BU23" s="445"/>
      <c r="BV23" s="443">
        <v>6480951</v>
      </c>
      <c r="BW23" s="444"/>
      <c r="BX23" s="444"/>
      <c r="BY23" s="444"/>
      <c r="BZ23" s="444"/>
      <c r="CA23" s="444"/>
      <c r="CB23" s="444"/>
      <c r="CC23" s="445"/>
      <c r="CD23" s="190"/>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77"/>
      <c r="B24" s="614"/>
      <c r="C24" s="590"/>
      <c r="D24" s="591"/>
      <c r="E24" s="493" t="s">
        <v>173</v>
      </c>
      <c r="F24" s="473"/>
      <c r="G24" s="473"/>
      <c r="H24" s="473"/>
      <c r="I24" s="473"/>
      <c r="J24" s="473"/>
      <c r="K24" s="474"/>
      <c r="L24" s="494">
        <v>1</v>
      </c>
      <c r="M24" s="495"/>
      <c r="N24" s="495"/>
      <c r="O24" s="495"/>
      <c r="P24" s="537"/>
      <c r="Q24" s="494">
        <v>7660</v>
      </c>
      <c r="R24" s="495"/>
      <c r="S24" s="495"/>
      <c r="T24" s="495"/>
      <c r="U24" s="495"/>
      <c r="V24" s="537"/>
      <c r="W24" s="589"/>
      <c r="X24" s="590"/>
      <c r="Y24" s="591"/>
      <c r="Z24" s="493" t="s">
        <v>174</v>
      </c>
      <c r="AA24" s="473"/>
      <c r="AB24" s="473"/>
      <c r="AC24" s="473"/>
      <c r="AD24" s="473"/>
      <c r="AE24" s="473"/>
      <c r="AF24" s="473"/>
      <c r="AG24" s="474"/>
      <c r="AH24" s="494">
        <v>200</v>
      </c>
      <c r="AI24" s="495"/>
      <c r="AJ24" s="495"/>
      <c r="AK24" s="495"/>
      <c r="AL24" s="537"/>
      <c r="AM24" s="494">
        <v>590800</v>
      </c>
      <c r="AN24" s="495"/>
      <c r="AO24" s="495"/>
      <c r="AP24" s="495"/>
      <c r="AQ24" s="495"/>
      <c r="AR24" s="537"/>
      <c r="AS24" s="494">
        <v>2954</v>
      </c>
      <c r="AT24" s="495"/>
      <c r="AU24" s="495"/>
      <c r="AV24" s="495"/>
      <c r="AW24" s="495"/>
      <c r="AX24" s="496"/>
      <c r="AY24" s="559" t="s">
        <v>175</v>
      </c>
      <c r="AZ24" s="560"/>
      <c r="BA24" s="560"/>
      <c r="BB24" s="560"/>
      <c r="BC24" s="560"/>
      <c r="BD24" s="560"/>
      <c r="BE24" s="560"/>
      <c r="BF24" s="560"/>
      <c r="BG24" s="560"/>
      <c r="BH24" s="560"/>
      <c r="BI24" s="560"/>
      <c r="BJ24" s="560"/>
      <c r="BK24" s="560"/>
      <c r="BL24" s="560"/>
      <c r="BM24" s="561"/>
      <c r="BN24" s="443">
        <v>2773033</v>
      </c>
      <c r="BO24" s="444"/>
      <c r="BP24" s="444"/>
      <c r="BQ24" s="444"/>
      <c r="BR24" s="444"/>
      <c r="BS24" s="444"/>
      <c r="BT24" s="444"/>
      <c r="BU24" s="445"/>
      <c r="BV24" s="443">
        <v>2947048</v>
      </c>
      <c r="BW24" s="444"/>
      <c r="BX24" s="444"/>
      <c r="BY24" s="444"/>
      <c r="BZ24" s="444"/>
      <c r="CA24" s="444"/>
      <c r="CB24" s="444"/>
      <c r="CC24" s="445"/>
      <c r="CD24" s="190"/>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77"/>
      <c r="B25" s="614"/>
      <c r="C25" s="590"/>
      <c r="D25" s="591"/>
      <c r="E25" s="493" t="s">
        <v>176</v>
      </c>
      <c r="F25" s="473"/>
      <c r="G25" s="473"/>
      <c r="H25" s="473"/>
      <c r="I25" s="473"/>
      <c r="J25" s="473"/>
      <c r="K25" s="474"/>
      <c r="L25" s="494">
        <v>1</v>
      </c>
      <c r="M25" s="495"/>
      <c r="N25" s="495"/>
      <c r="O25" s="495"/>
      <c r="P25" s="537"/>
      <c r="Q25" s="494">
        <v>6320</v>
      </c>
      <c r="R25" s="495"/>
      <c r="S25" s="495"/>
      <c r="T25" s="495"/>
      <c r="U25" s="495"/>
      <c r="V25" s="537"/>
      <c r="W25" s="589"/>
      <c r="X25" s="590"/>
      <c r="Y25" s="591"/>
      <c r="Z25" s="493" t="s">
        <v>177</v>
      </c>
      <c r="AA25" s="473"/>
      <c r="AB25" s="473"/>
      <c r="AC25" s="473"/>
      <c r="AD25" s="473"/>
      <c r="AE25" s="473"/>
      <c r="AF25" s="473"/>
      <c r="AG25" s="474"/>
      <c r="AH25" s="494">
        <v>44</v>
      </c>
      <c r="AI25" s="495"/>
      <c r="AJ25" s="495"/>
      <c r="AK25" s="495"/>
      <c r="AL25" s="537"/>
      <c r="AM25" s="494">
        <v>118580</v>
      </c>
      <c r="AN25" s="495"/>
      <c r="AO25" s="495"/>
      <c r="AP25" s="495"/>
      <c r="AQ25" s="495"/>
      <c r="AR25" s="537"/>
      <c r="AS25" s="494">
        <v>2695</v>
      </c>
      <c r="AT25" s="495"/>
      <c r="AU25" s="495"/>
      <c r="AV25" s="495"/>
      <c r="AW25" s="495"/>
      <c r="AX25" s="496"/>
      <c r="AY25" s="403" t="s">
        <v>178</v>
      </c>
      <c r="AZ25" s="404"/>
      <c r="BA25" s="404"/>
      <c r="BB25" s="404"/>
      <c r="BC25" s="404"/>
      <c r="BD25" s="404"/>
      <c r="BE25" s="404"/>
      <c r="BF25" s="404"/>
      <c r="BG25" s="404"/>
      <c r="BH25" s="404"/>
      <c r="BI25" s="404"/>
      <c r="BJ25" s="404"/>
      <c r="BK25" s="404"/>
      <c r="BL25" s="404"/>
      <c r="BM25" s="405"/>
      <c r="BN25" s="406">
        <v>2647730</v>
      </c>
      <c r="BO25" s="407"/>
      <c r="BP25" s="407"/>
      <c r="BQ25" s="407"/>
      <c r="BR25" s="407"/>
      <c r="BS25" s="407"/>
      <c r="BT25" s="407"/>
      <c r="BU25" s="408"/>
      <c r="BV25" s="406">
        <v>3021868</v>
      </c>
      <c r="BW25" s="407"/>
      <c r="BX25" s="407"/>
      <c r="BY25" s="407"/>
      <c r="BZ25" s="407"/>
      <c r="CA25" s="407"/>
      <c r="CB25" s="407"/>
      <c r="CC25" s="408"/>
      <c r="CD25" s="190"/>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77"/>
      <c r="B26" s="614"/>
      <c r="C26" s="590"/>
      <c r="D26" s="591"/>
      <c r="E26" s="493" t="s">
        <v>179</v>
      </c>
      <c r="F26" s="473"/>
      <c r="G26" s="473"/>
      <c r="H26" s="473"/>
      <c r="I26" s="473"/>
      <c r="J26" s="473"/>
      <c r="K26" s="474"/>
      <c r="L26" s="494">
        <v>1</v>
      </c>
      <c r="M26" s="495"/>
      <c r="N26" s="495"/>
      <c r="O26" s="495"/>
      <c r="P26" s="537"/>
      <c r="Q26" s="494">
        <v>5810</v>
      </c>
      <c r="R26" s="495"/>
      <c r="S26" s="495"/>
      <c r="T26" s="495"/>
      <c r="U26" s="495"/>
      <c r="V26" s="537"/>
      <c r="W26" s="589"/>
      <c r="X26" s="590"/>
      <c r="Y26" s="591"/>
      <c r="Z26" s="493" t="s">
        <v>180</v>
      </c>
      <c r="AA26" s="595"/>
      <c r="AB26" s="595"/>
      <c r="AC26" s="595"/>
      <c r="AD26" s="595"/>
      <c r="AE26" s="595"/>
      <c r="AF26" s="595"/>
      <c r="AG26" s="596"/>
      <c r="AH26" s="494">
        <v>4</v>
      </c>
      <c r="AI26" s="495"/>
      <c r="AJ26" s="495"/>
      <c r="AK26" s="495"/>
      <c r="AL26" s="537"/>
      <c r="AM26" s="494">
        <v>11240</v>
      </c>
      <c r="AN26" s="495"/>
      <c r="AO26" s="495"/>
      <c r="AP26" s="495"/>
      <c r="AQ26" s="495"/>
      <c r="AR26" s="537"/>
      <c r="AS26" s="494">
        <v>2810</v>
      </c>
      <c r="AT26" s="495"/>
      <c r="AU26" s="495"/>
      <c r="AV26" s="495"/>
      <c r="AW26" s="495"/>
      <c r="AX26" s="496"/>
      <c r="AY26" s="446" t="s">
        <v>181</v>
      </c>
      <c r="AZ26" s="447"/>
      <c r="BA26" s="447"/>
      <c r="BB26" s="447"/>
      <c r="BC26" s="447"/>
      <c r="BD26" s="447"/>
      <c r="BE26" s="447"/>
      <c r="BF26" s="447"/>
      <c r="BG26" s="447"/>
      <c r="BH26" s="447"/>
      <c r="BI26" s="447"/>
      <c r="BJ26" s="447"/>
      <c r="BK26" s="447"/>
      <c r="BL26" s="447"/>
      <c r="BM26" s="448"/>
      <c r="BN26" s="443" t="s">
        <v>140</v>
      </c>
      <c r="BO26" s="444"/>
      <c r="BP26" s="444"/>
      <c r="BQ26" s="444"/>
      <c r="BR26" s="444"/>
      <c r="BS26" s="444"/>
      <c r="BT26" s="444"/>
      <c r="BU26" s="445"/>
      <c r="BV26" s="443" t="s">
        <v>182</v>
      </c>
      <c r="BW26" s="444"/>
      <c r="BX26" s="444"/>
      <c r="BY26" s="444"/>
      <c r="BZ26" s="444"/>
      <c r="CA26" s="444"/>
      <c r="CB26" s="444"/>
      <c r="CC26" s="445"/>
      <c r="CD26" s="190"/>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77"/>
      <c r="B27" s="614"/>
      <c r="C27" s="590"/>
      <c r="D27" s="591"/>
      <c r="E27" s="493" t="s">
        <v>183</v>
      </c>
      <c r="F27" s="473"/>
      <c r="G27" s="473"/>
      <c r="H27" s="473"/>
      <c r="I27" s="473"/>
      <c r="J27" s="473"/>
      <c r="K27" s="474"/>
      <c r="L27" s="494">
        <v>1</v>
      </c>
      <c r="M27" s="495"/>
      <c r="N27" s="495"/>
      <c r="O27" s="495"/>
      <c r="P27" s="537"/>
      <c r="Q27" s="494">
        <v>3820</v>
      </c>
      <c r="R27" s="495"/>
      <c r="S27" s="495"/>
      <c r="T27" s="495"/>
      <c r="U27" s="495"/>
      <c r="V27" s="537"/>
      <c r="W27" s="589"/>
      <c r="X27" s="590"/>
      <c r="Y27" s="591"/>
      <c r="Z27" s="493" t="s">
        <v>184</v>
      </c>
      <c r="AA27" s="473"/>
      <c r="AB27" s="473"/>
      <c r="AC27" s="473"/>
      <c r="AD27" s="473"/>
      <c r="AE27" s="473"/>
      <c r="AF27" s="473"/>
      <c r="AG27" s="474"/>
      <c r="AH27" s="494">
        <v>2</v>
      </c>
      <c r="AI27" s="495"/>
      <c r="AJ27" s="495"/>
      <c r="AK27" s="495"/>
      <c r="AL27" s="537"/>
      <c r="AM27" s="494" t="s">
        <v>185</v>
      </c>
      <c r="AN27" s="495"/>
      <c r="AO27" s="495"/>
      <c r="AP27" s="495"/>
      <c r="AQ27" s="495"/>
      <c r="AR27" s="537"/>
      <c r="AS27" s="494" t="s">
        <v>186</v>
      </c>
      <c r="AT27" s="495"/>
      <c r="AU27" s="495"/>
      <c r="AV27" s="495"/>
      <c r="AW27" s="495"/>
      <c r="AX27" s="496"/>
      <c r="AY27" s="538" t="s">
        <v>187</v>
      </c>
      <c r="AZ27" s="539"/>
      <c r="BA27" s="539"/>
      <c r="BB27" s="539"/>
      <c r="BC27" s="539"/>
      <c r="BD27" s="539"/>
      <c r="BE27" s="539"/>
      <c r="BF27" s="539"/>
      <c r="BG27" s="539"/>
      <c r="BH27" s="539"/>
      <c r="BI27" s="539"/>
      <c r="BJ27" s="539"/>
      <c r="BK27" s="539"/>
      <c r="BL27" s="539"/>
      <c r="BM27" s="540"/>
      <c r="BN27" s="562" t="s">
        <v>140</v>
      </c>
      <c r="BO27" s="563"/>
      <c r="BP27" s="563"/>
      <c r="BQ27" s="563"/>
      <c r="BR27" s="563"/>
      <c r="BS27" s="563"/>
      <c r="BT27" s="563"/>
      <c r="BU27" s="564"/>
      <c r="BV27" s="562" t="s">
        <v>188</v>
      </c>
      <c r="BW27" s="563"/>
      <c r="BX27" s="563"/>
      <c r="BY27" s="563"/>
      <c r="BZ27" s="563"/>
      <c r="CA27" s="563"/>
      <c r="CB27" s="563"/>
      <c r="CC27" s="564"/>
      <c r="CD27" s="192"/>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77"/>
      <c r="B28" s="614"/>
      <c r="C28" s="590"/>
      <c r="D28" s="591"/>
      <c r="E28" s="493" t="s">
        <v>189</v>
      </c>
      <c r="F28" s="473"/>
      <c r="G28" s="473"/>
      <c r="H28" s="473"/>
      <c r="I28" s="473"/>
      <c r="J28" s="473"/>
      <c r="K28" s="474"/>
      <c r="L28" s="494">
        <v>1</v>
      </c>
      <c r="M28" s="495"/>
      <c r="N28" s="495"/>
      <c r="O28" s="495"/>
      <c r="P28" s="537"/>
      <c r="Q28" s="494">
        <v>2990</v>
      </c>
      <c r="R28" s="495"/>
      <c r="S28" s="495"/>
      <c r="T28" s="495"/>
      <c r="U28" s="495"/>
      <c r="V28" s="537"/>
      <c r="W28" s="589"/>
      <c r="X28" s="590"/>
      <c r="Y28" s="591"/>
      <c r="Z28" s="493" t="s">
        <v>190</v>
      </c>
      <c r="AA28" s="473"/>
      <c r="AB28" s="473"/>
      <c r="AC28" s="473"/>
      <c r="AD28" s="473"/>
      <c r="AE28" s="473"/>
      <c r="AF28" s="473"/>
      <c r="AG28" s="474"/>
      <c r="AH28" s="494" t="s">
        <v>140</v>
      </c>
      <c r="AI28" s="495"/>
      <c r="AJ28" s="495"/>
      <c r="AK28" s="495"/>
      <c r="AL28" s="537"/>
      <c r="AM28" s="494" t="s">
        <v>140</v>
      </c>
      <c r="AN28" s="495"/>
      <c r="AO28" s="495"/>
      <c r="AP28" s="495"/>
      <c r="AQ28" s="495"/>
      <c r="AR28" s="537"/>
      <c r="AS28" s="494" t="s">
        <v>140</v>
      </c>
      <c r="AT28" s="495"/>
      <c r="AU28" s="495"/>
      <c r="AV28" s="495"/>
      <c r="AW28" s="495"/>
      <c r="AX28" s="496"/>
      <c r="AY28" s="597" t="s">
        <v>191</v>
      </c>
      <c r="AZ28" s="598"/>
      <c r="BA28" s="598"/>
      <c r="BB28" s="599"/>
      <c r="BC28" s="403" t="s">
        <v>50</v>
      </c>
      <c r="BD28" s="404"/>
      <c r="BE28" s="404"/>
      <c r="BF28" s="404"/>
      <c r="BG28" s="404"/>
      <c r="BH28" s="404"/>
      <c r="BI28" s="404"/>
      <c r="BJ28" s="404"/>
      <c r="BK28" s="404"/>
      <c r="BL28" s="404"/>
      <c r="BM28" s="405"/>
      <c r="BN28" s="406">
        <v>983098</v>
      </c>
      <c r="BO28" s="407"/>
      <c r="BP28" s="407"/>
      <c r="BQ28" s="407"/>
      <c r="BR28" s="407"/>
      <c r="BS28" s="407"/>
      <c r="BT28" s="407"/>
      <c r="BU28" s="408"/>
      <c r="BV28" s="406">
        <v>941932</v>
      </c>
      <c r="BW28" s="407"/>
      <c r="BX28" s="407"/>
      <c r="BY28" s="407"/>
      <c r="BZ28" s="407"/>
      <c r="CA28" s="407"/>
      <c r="CB28" s="407"/>
      <c r="CC28" s="408"/>
      <c r="CD28" s="190"/>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77"/>
      <c r="B29" s="614"/>
      <c r="C29" s="590"/>
      <c r="D29" s="591"/>
      <c r="E29" s="493" t="s">
        <v>192</v>
      </c>
      <c r="F29" s="473"/>
      <c r="G29" s="473"/>
      <c r="H29" s="473"/>
      <c r="I29" s="473"/>
      <c r="J29" s="473"/>
      <c r="K29" s="474"/>
      <c r="L29" s="494">
        <v>12</v>
      </c>
      <c r="M29" s="495"/>
      <c r="N29" s="495"/>
      <c r="O29" s="495"/>
      <c r="P29" s="537"/>
      <c r="Q29" s="494">
        <v>2830</v>
      </c>
      <c r="R29" s="495"/>
      <c r="S29" s="495"/>
      <c r="T29" s="495"/>
      <c r="U29" s="495"/>
      <c r="V29" s="537"/>
      <c r="W29" s="592"/>
      <c r="X29" s="593"/>
      <c r="Y29" s="594"/>
      <c r="Z29" s="493" t="s">
        <v>193</v>
      </c>
      <c r="AA29" s="473"/>
      <c r="AB29" s="473"/>
      <c r="AC29" s="473"/>
      <c r="AD29" s="473"/>
      <c r="AE29" s="473"/>
      <c r="AF29" s="473"/>
      <c r="AG29" s="474"/>
      <c r="AH29" s="494">
        <v>202</v>
      </c>
      <c r="AI29" s="495"/>
      <c r="AJ29" s="495"/>
      <c r="AK29" s="495"/>
      <c r="AL29" s="537"/>
      <c r="AM29" s="494">
        <v>598306</v>
      </c>
      <c r="AN29" s="495"/>
      <c r="AO29" s="495"/>
      <c r="AP29" s="495"/>
      <c r="AQ29" s="495"/>
      <c r="AR29" s="537"/>
      <c r="AS29" s="494">
        <v>2962</v>
      </c>
      <c r="AT29" s="495"/>
      <c r="AU29" s="495"/>
      <c r="AV29" s="495"/>
      <c r="AW29" s="495"/>
      <c r="AX29" s="496"/>
      <c r="AY29" s="600"/>
      <c r="AZ29" s="601"/>
      <c r="BA29" s="601"/>
      <c r="BB29" s="602"/>
      <c r="BC29" s="477" t="s">
        <v>194</v>
      </c>
      <c r="BD29" s="478"/>
      <c r="BE29" s="478"/>
      <c r="BF29" s="478"/>
      <c r="BG29" s="478"/>
      <c r="BH29" s="478"/>
      <c r="BI29" s="478"/>
      <c r="BJ29" s="478"/>
      <c r="BK29" s="478"/>
      <c r="BL29" s="478"/>
      <c r="BM29" s="479"/>
      <c r="BN29" s="443" t="s">
        <v>140</v>
      </c>
      <c r="BO29" s="444"/>
      <c r="BP29" s="444"/>
      <c r="BQ29" s="444"/>
      <c r="BR29" s="444"/>
      <c r="BS29" s="444"/>
      <c r="BT29" s="444"/>
      <c r="BU29" s="445"/>
      <c r="BV29" s="443" t="s">
        <v>188</v>
      </c>
      <c r="BW29" s="444"/>
      <c r="BX29" s="444"/>
      <c r="BY29" s="444"/>
      <c r="BZ29" s="444"/>
      <c r="CA29" s="444"/>
      <c r="CB29" s="444"/>
      <c r="CC29" s="445"/>
      <c r="CD29" s="192"/>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77"/>
      <c r="B30" s="615"/>
      <c r="C30" s="616"/>
      <c r="D30" s="617"/>
      <c r="E30" s="497"/>
      <c r="F30" s="498"/>
      <c r="G30" s="498"/>
      <c r="H30" s="498"/>
      <c r="I30" s="498"/>
      <c r="J30" s="498"/>
      <c r="K30" s="499"/>
      <c r="L30" s="607"/>
      <c r="M30" s="608"/>
      <c r="N30" s="608"/>
      <c r="O30" s="608"/>
      <c r="P30" s="609"/>
      <c r="Q30" s="607"/>
      <c r="R30" s="608"/>
      <c r="S30" s="608"/>
      <c r="T30" s="608"/>
      <c r="U30" s="608"/>
      <c r="V30" s="609"/>
      <c r="W30" s="610" t="s">
        <v>195</v>
      </c>
      <c r="X30" s="611"/>
      <c r="Y30" s="611"/>
      <c r="Z30" s="611"/>
      <c r="AA30" s="611"/>
      <c r="AB30" s="611"/>
      <c r="AC30" s="611"/>
      <c r="AD30" s="611"/>
      <c r="AE30" s="611"/>
      <c r="AF30" s="611"/>
      <c r="AG30" s="612"/>
      <c r="AH30" s="570">
        <v>97.4</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2</v>
      </c>
      <c r="BD30" s="560"/>
      <c r="BE30" s="560"/>
      <c r="BF30" s="560"/>
      <c r="BG30" s="560"/>
      <c r="BH30" s="560"/>
      <c r="BI30" s="560"/>
      <c r="BJ30" s="560"/>
      <c r="BK30" s="560"/>
      <c r="BL30" s="560"/>
      <c r="BM30" s="561"/>
      <c r="BN30" s="562">
        <v>1441442</v>
      </c>
      <c r="BO30" s="563"/>
      <c r="BP30" s="563"/>
      <c r="BQ30" s="563"/>
      <c r="BR30" s="563"/>
      <c r="BS30" s="563"/>
      <c r="BT30" s="563"/>
      <c r="BU30" s="564"/>
      <c r="BV30" s="562">
        <v>1353476</v>
      </c>
      <c r="BW30" s="563"/>
      <c r="BX30" s="563"/>
      <c r="BY30" s="563"/>
      <c r="BZ30" s="563"/>
      <c r="CA30" s="563"/>
      <c r="CB30" s="563"/>
      <c r="CC30" s="564"/>
      <c r="CD30" s="193"/>
      <c r="CE30" s="194"/>
      <c r="CF30" s="194"/>
      <c r="CG30" s="194"/>
      <c r="CH30" s="194"/>
      <c r="CI30" s="194"/>
      <c r="CJ30" s="194"/>
      <c r="CK30" s="194"/>
      <c r="CL30" s="194"/>
      <c r="CM30" s="194"/>
      <c r="CN30" s="194"/>
      <c r="CO30" s="194"/>
      <c r="CP30" s="194"/>
      <c r="CQ30" s="194"/>
      <c r="CR30" s="194"/>
      <c r="CS30" s="195"/>
      <c r="CT30" s="196"/>
      <c r="CU30" s="197"/>
      <c r="CV30" s="197"/>
      <c r="CW30" s="197"/>
      <c r="CX30" s="197"/>
      <c r="CY30" s="197"/>
      <c r="CZ30" s="197"/>
      <c r="DA30" s="198"/>
      <c r="DB30" s="196"/>
      <c r="DC30" s="197"/>
      <c r="DD30" s="197"/>
      <c r="DE30" s="197"/>
      <c r="DF30" s="197"/>
      <c r="DG30" s="197"/>
      <c r="DH30" s="197"/>
      <c r="DI30" s="198"/>
    </row>
    <row r="31" spans="1:113" ht="13.5" customHeight="1" x14ac:dyDescent="0.2">
      <c r="A31" s="177"/>
      <c r="B31" s="199"/>
      <c r="DI31" s="200"/>
    </row>
    <row r="32" spans="1:113" ht="13.5" customHeight="1" x14ac:dyDescent="0.2">
      <c r="A32" s="177"/>
      <c r="B32" s="201"/>
      <c r="C32" s="606" t="s">
        <v>196</v>
      </c>
      <c r="D32" s="606"/>
      <c r="E32" s="606"/>
      <c r="F32" s="606"/>
      <c r="G32" s="606"/>
      <c r="H32" s="606"/>
      <c r="I32" s="606"/>
      <c r="J32" s="606"/>
      <c r="K32" s="606"/>
      <c r="L32" s="606"/>
      <c r="M32" s="606"/>
      <c r="N32" s="606"/>
      <c r="O32" s="606"/>
      <c r="P32" s="606"/>
      <c r="Q32" s="606"/>
      <c r="R32" s="606"/>
      <c r="S32" s="606"/>
      <c r="U32" s="447" t="s">
        <v>197</v>
      </c>
      <c r="V32" s="447"/>
      <c r="W32" s="447"/>
      <c r="X32" s="447"/>
      <c r="Y32" s="447"/>
      <c r="Z32" s="447"/>
      <c r="AA32" s="447"/>
      <c r="AB32" s="447"/>
      <c r="AC32" s="447"/>
      <c r="AD32" s="447"/>
      <c r="AE32" s="447"/>
      <c r="AF32" s="447"/>
      <c r="AG32" s="447"/>
      <c r="AH32" s="447"/>
      <c r="AI32" s="447"/>
      <c r="AJ32" s="447"/>
      <c r="AK32" s="447"/>
      <c r="AM32" s="447" t="s">
        <v>198</v>
      </c>
      <c r="AN32" s="447"/>
      <c r="AO32" s="447"/>
      <c r="AP32" s="447"/>
      <c r="AQ32" s="447"/>
      <c r="AR32" s="447"/>
      <c r="AS32" s="447"/>
      <c r="AT32" s="447"/>
      <c r="AU32" s="447"/>
      <c r="AV32" s="447"/>
      <c r="AW32" s="447"/>
      <c r="AX32" s="447"/>
      <c r="AY32" s="447"/>
      <c r="AZ32" s="447"/>
      <c r="BA32" s="447"/>
      <c r="BB32" s="447"/>
      <c r="BC32" s="447"/>
      <c r="BE32" s="447" t="s">
        <v>199</v>
      </c>
      <c r="BF32" s="447"/>
      <c r="BG32" s="447"/>
      <c r="BH32" s="447"/>
      <c r="BI32" s="447"/>
      <c r="BJ32" s="447"/>
      <c r="BK32" s="447"/>
      <c r="BL32" s="447"/>
      <c r="BM32" s="447"/>
      <c r="BN32" s="447"/>
      <c r="BO32" s="447"/>
      <c r="BP32" s="447"/>
      <c r="BQ32" s="447"/>
      <c r="BR32" s="447"/>
      <c r="BS32" s="447"/>
      <c r="BT32" s="447"/>
      <c r="BU32" s="447"/>
      <c r="BW32" s="447" t="s">
        <v>200</v>
      </c>
      <c r="BX32" s="447"/>
      <c r="BY32" s="447"/>
      <c r="BZ32" s="447"/>
      <c r="CA32" s="447"/>
      <c r="CB32" s="447"/>
      <c r="CC32" s="447"/>
      <c r="CD32" s="447"/>
      <c r="CE32" s="447"/>
      <c r="CF32" s="447"/>
      <c r="CG32" s="447"/>
      <c r="CH32" s="447"/>
      <c r="CI32" s="447"/>
      <c r="CJ32" s="447"/>
      <c r="CK32" s="447"/>
      <c r="CL32" s="447"/>
      <c r="CM32" s="447"/>
      <c r="CO32" s="447" t="s">
        <v>201</v>
      </c>
      <c r="CP32" s="447"/>
      <c r="CQ32" s="447"/>
      <c r="CR32" s="447"/>
      <c r="CS32" s="447"/>
      <c r="CT32" s="447"/>
      <c r="CU32" s="447"/>
      <c r="CV32" s="447"/>
      <c r="CW32" s="447"/>
      <c r="CX32" s="447"/>
      <c r="CY32" s="447"/>
      <c r="CZ32" s="447"/>
      <c r="DA32" s="447"/>
      <c r="DB32" s="447"/>
      <c r="DC32" s="447"/>
      <c r="DD32" s="447"/>
      <c r="DE32" s="447"/>
      <c r="DI32" s="200"/>
    </row>
    <row r="33" spans="1:113" ht="13.5" customHeight="1" x14ac:dyDescent="0.2">
      <c r="A33" s="177"/>
      <c r="B33" s="201"/>
      <c r="C33" s="467" t="s">
        <v>202</v>
      </c>
      <c r="D33" s="467"/>
      <c r="E33" s="432" t="s">
        <v>203</v>
      </c>
      <c r="F33" s="432"/>
      <c r="G33" s="432"/>
      <c r="H33" s="432"/>
      <c r="I33" s="432"/>
      <c r="J33" s="432"/>
      <c r="K33" s="432"/>
      <c r="L33" s="432"/>
      <c r="M33" s="432"/>
      <c r="N33" s="432"/>
      <c r="O33" s="432"/>
      <c r="P33" s="432"/>
      <c r="Q33" s="432"/>
      <c r="R33" s="432"/>
      <c r="S33" s="432"/>
      <c r="T33" s="202"/>
      <c r="U33" s="467" t="s">
        <v>204</v>
      </c>
      <c r="V33" s="467"/>
      <c r="W33" s="432" t="s">
        <v>205</v>
      </c>
      <c r="X33" s="432"/>
      <c r="Y33" s="432"/>
      <c r="Z33" s="432"/>
      <c r="AA33" s="432"/>
      <c r="AB33" s="432"/>
      <c r="AC33" s="432"/>
      <c r="AD33" s="432"/>
      <c r="AE33" s="432"/>
      <c r="AF33" s="432"/>
      <c r="AG33" s="432"/>
      <c r="AH33" s="432"/>
      <c r="AI33" s="432"/>
      <c r="AJ33" s="432"/>
      <c r="AK33" s="432"/>
      <c r="AL33" s="202"/>
      <c r="AM33" s="467" t="s">
        <v>206</v>
      </c>
      <c r="AN33" s="467"/>
      <c r="AO33" s="432" t="s">
        <v>203</v>
      </c>
      <c r="AP33" s="432"/>
      <c r="AQ33" s="432"/>
      <c r="AR33" s="432"/>
      <c r="AS33" s="432"/>
      <c r="AT33" s="432"/>
      <c r="AU33" s="432"/>
      <c r="AV33" s="432"/>
      <c r="AW33" s="432"/>
      <c r="AX33" s="432"/>
      <c r="AY33" s="432"/>
      <c r="AZ33" s="432"/>
      <c r="BA33" s="432"/>
      <c r="BB33" s="432"/>
      <c r="BC33" s="432"/>
      <c r="BD33" s="203"/>
      <c r="BE33" s="432" t="s">
        <v>207</v>
      </c>
      <c r="BF33" s="432"/>
      <c r="BG33" s="432" t="s">
        <v>208</v>
      </c>
      <c r="BH33" s="432"/>
      <c r="BI33" s="432"/>
      <c r="BJ33" s="432"/>
      <c r="BK33" s="432"/>
      <c r="BL33" s="432"/>
      <c r="BM33" s="432"/>
      <c r="BN33" s="432"/>
      <c r="BO33" s="432"/>
      <c r="BP33" s="432"/>
      <c r="BQ33" s="432"/>
      <c r="BR33" s="432"/>
      <c r="BS33" s="432"/>
      <c r="BT33" s="432"/>
      <c r="BU33" s="432"/>
      <c r="BV33" s="203"/>
      <c r="BW33" s="467" t="s">
        <v>207</v>
      </c>
      <c r="BX33" s="467"/>
      <c r="BY33" s="432" t="s">
        <v>209</v>
      </c>
      <c r="BZ33" s="432"/>
      <c r="CA33" s="432"/>
      <c r="CB33" s="432"/>
      <c r="CC33" s="432"/>
      <c r="CD33" s="432"/>
      <c r="CE33" s="432"/>
      <c r="CF33" s="432"/>
      <c r="CG33" s="432"/>
      <c r="CH33" s="432"/>
      <c r="CI33" s="432"/>
      <c r="CJ33" s="432"/>
      <c r="CK33" s="432"/>
      <c r="CL33" s="432"/>
      <c r="CM33" s="432"/>
      <c r="CN33" s="202"/>
      <c r="CO33" s="467" t="s">
        <v>206</v>
      </c>
      <c r="CP33" s="467"/>
      <c r="CQ33" s="432" t="s">
        <v>210</v>
      </c>
      <c r="CR33" s="432"/>
      <c r="CS33" s="432"/>
      <c r="CT33" s="432"/>
      <c r="CU33" s="432"/>
      <c r="CV33" s="432"/>
      <c r="CW33" s="432"/>
      <c r="CX33" s="432"/>
      <c r="CY33" s="432"/>
      <c r="CZ33" s="432"/>
      <c r="DA33" s="432"/>
      <c r="DB33" s="432"/>
      <c r="DC33" s="432"/>
      <c r="DD33" s="432"/>
      <c r="DE33" s="432"/>
      <c r="DF33" s="202"/>
      <c r="DG33" s="632" t="s">
        <v>211</v>
      </c>
      <c r="DH33" s="632"/>
      <c r="DI33" s="204"/>
    </row>
    <row r="34" spans="1:113" ht="32.25" customHeight="1" x14ac:dyDescent="0.2">
      <c r="A34" s="177"/>
      <c r="B34" s="201"/>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77"/>
      <c r="U34" s="633">
        <f>IF(W34="","",MAX(C34:D43)+1)</f>
        <v>2</v>
      </c>
      <c r="V34" s="633"/>
      <c r="W34" s="634" t="str">
        <f>IF('各会計、関係団体の財政状況及び健全化判断比率'!B28="","",'各会計、関係団体の財政状況及び健全化判断比率'!B28)</f>
        <v>国民健康保険特別会計</v>
      </c>
      <c r="X34" s="634"/>
      <c r="Y34" s="634"/>
      <c r="Z34" s="634"/>
      <c r="AA34" s="634"/>
      <c r="AB34" s="634"/>
      <c r="AC34" s="634"/>
      <c r="AD34" s="634"/>
      <c r="AE34" s="634"/>
      <c r="AF34" s="634"/>
      <c r="AG34" s="634"/>
      <c r="AH34" s="634"/>
      <c r="AI34" s="634"/>
      <c r="AJ34" s="634"/>
      <c r="AK34" s="634"/>
      <c r="AL34" s="177"/>
      <c r="AM34" s="633" t="str">
        <f>IF(AO34="","",MAX(C34:D43,U34:V43)+1)</f>
        <v/>
      </c>
      <c r="AN34" s="633"/>
      <c r="AO34" s="634"/>
      <c r="AP34" s="634"/>
      <c r="AQ34" s="634"/>
      <c r="AR34" s="634"/>
      <c r="AS34" s="634"/>
      <c r="AT34" s="634"/>
      <c r="AU34" s="634"/>
      <c r="AV34" s="634"/>
      <c r="AW34" s="634"/>
      <c r="AX34" s="634"/>
      <c r="AY34" s="634"/>
      <c r="AZ34" s="634"/>
      <c r="BA34" s="634"/>
      <c r="BB34" s="634"/>
      <c r="BC34" s="634"/>
      <c r="BD34" s="177"/>
      <c r="BE34" s="633">
        <f>IF(BG34="","",MAX(C34:D43,U34:V43,AM34:AN43)+1)</f>
        <v>5</v>
      </c>
      <c r="BF34" s="633"/>
      <c r="BG34" s="634" t="str">
        <f>IF('各会計、関係団体の財政状況及び健全化判断比率'!B31="","",'各会計、関係団体の財政状況及び健全化判断比率'!B31)</f>
        <v>下水道事業特別会計</v>
      </c>
      <c r="BH34" s="634"/>
      <c r="BI34" s="634"/>
      <c r="BJ34" s="634"/>
      <c r="BK34" s="634"/>
      <c r="BL34" s="634"/>
      <c r="BM34" s="634"/>
      <c r="BN34" s="634"/>
      <c r="BO34" s="634"/>
      <c r="BP34" s="634"/>
      <c r="BQ34" s="634"/>
      <c r="BR34" s="634"/>
      <c r="BS34" s="634"/>
      <c r="BT34" s="634"/>
      <c r="BU34" s="634"/>
      <c r="BV34" s="177"/>
      <c r="BW34" s="633">
        <f>IF(BY34="","",MAX(C34:D43,U34:V43,AM34:AN43,BE34:BF43)+1)</f>
        <v>6</v>
      </c>
      <c r="BX34" s="633"/>
      <c r="BY34" s="634" t="str">
        <f>IF('各会計、関係団体の財政状況及び健全化判断比率'!B68="","",'各会計、関係団体の財政状況及び健全化判断比率'!B68)</f>
        <v>神奈川県後期高齢者医療広域連合（一般会計）</v>
      </c>
      <c r="BZ34" s="634"/>
      <c r="CA34" s="634"/>
      <c r="CB34" s="634"/>
      <c r="CC34" s="634"/>
      <c r="CD34" s="634"/>
      <c r="CE34" s="634"/>
      <c r="CF34" s="634"/>
      <c r="CG34" s="634"/>
      <c r="CH34" s="634"/>
      <c r="CI34" s="634"/>
      <c r="CJ34" s="634"/>
      <c r="CK34" s="634"/>
      <c r="CL34" s="634"/>
      <c r="CM34" s="634"/>
      <c r="CN34" s="177"/>
      <c r="CO34" s="633">
        <f>IF(CQ34="","",MAX(C34:D43,U34:V43,AM34:AN43,BE34:BF43,BW34:BX43)+1)</f>
        <v>10</v>
      </c>
      <c r="CP34" s="633"/>
      <c r="CQ34" s="634" t="str">
        <f>IF('各会計、関係団体の財政状況及び健全化判断比率'!BS7="","",'各会計、関係団体の財政状況及び健全化判断比率'!BS7)</f>
        <v>二宮町土地開発公社</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
      </c>
      <c r="DH34" s="635"/>
      <c r="DI34" s="204"/>
    </row>
    <row r="35" spans="1:113" ht="32.25" customHeight="1" x14ac:dyDescent="0.2">
      <c r="A35" s="177"/>
      <c r="B35" s="201"/>
      <c r="C35" s="633" t="str">
        <f>IF(E35="","",C34+1)</f>
        <v/>
      </c>
      <c r="D35" s="633"/>
      <c r="E35" s="634" t="str">
        <f>IF('各会計、関係団体の財政状況及び健全化判断比率'!B8="","",'各会計、関係団体の財政状況及び健全化判断比率'!B8)</f>
        <v/>
      </c>
      <c r="F35" s="634"/>
      <c r="G35" s="634"/>
      <c r="H35" s="634"/>
      <c r="I35" s="634"/>
      <c r="J35" s="634"/>
      <c r="K35" s="634"/>
      <c r="L35" s="634"/>
      <c r="M35" s="634"/>
      <c r="N35" s="634"/>
      <c r="O35" s="634"/>
      <c r="P35" s="634"/>
      <c r="Q35" s="634"/>
      <c r="R35" s="634"/>
      <c r="S35" s="634"/>
      <c r="T35" s="177"/>
      <c r="U35" s="633">
        <f>IF(W35="","",U34+1)</f>
        <v>3</v>
      </c>
      <c r="V35" s="633"/>
      <c r="W35" s="634" t="str">
        <f>IF('各会計、関係団体の財政状況及び健全化判断比率'!B29="","",'各会計、関係団体の財政状況及び健全化判断比率'!B29)</f>
        <v>介護保険特別会計</v>
      </c>
      <c r="X35" s="634"/>
      <c r="Y35" s="634"/>
      <c r="Z35" s="634"/>
      <c r="AA35" s="634"/>
      <c r="AB35" s="634"/>
      <c r="AC35" s="634"/>
      <c r="AD35" s="634"/>
      <c r="AE35" s="634"/>
      <c r="AF35" s="634"/>
      <c r="AG35" s="634"/>
      <c r="AH35" s="634"/>
      <c r="AI35" s="634"/>
      <c r="AJ35" s="634"/>
      <c r="AK35" s="634"/>
      <c r="AL35" s="177"/>
      <c r="AM35" s="633" t="str">
        <f t="shared" ref="AM35:AM43" si="0">IF(AO35="","",AM34+1)</f>
        <v/>
      </c>
      <c r="AN35" s="633"/>
      <c r="AO35" s="634"/>
      <c r="AP35" s="634"/>
      <c r="AQ35" s="634"/>
      <c r="AR35" s="634"/>
      <c r="AS35" s="634"/>
      <c r="AT35" s="634"/>
      <c r="AU35" s="634"/>
      <c r="AV35" s="634"/>
      <c r="AW35" s="634"/>
      <c r="AX35" s="634"/>
      <c r="AY35" s="634"/>
      <c r="AZ35" s="634"/>
      <c r="BA35" s="634"/>
      <c r="BB35" s="634"/>
      <c r="BC35" s="634"/>
      <c r="BD35" s="177"/>
      <c r="BE35" s="633" t="str">
        <f t="shared" ref="BE35:BE43" si="1">IF(BG35="","",BE34+1)</f>
        <v/>
      </c>
      <c r="BF35" s="633"/>
      <c r="BG35" s="634"/>
      <c r="BH35" s="634"/>
      <c r="BI35" s="634"/>
      <c r="BJ35" s="634"/>
      <c r="BK35" s="634"/>
      <c r="BL35" s="634"/>
      <c r="BM35" s="634"/>
      <c r="BN35" s="634"/>
      <c r="BO35" s="634"/>
      <c r="BP35" s="634"/>
      <c r="BQ35" s="634"/>
      <c r="BR35" s="634"/>
      <c r="BS35" s="634"/>
      <c r="BT35" s="634"/>
      <c r="BU35" s="634"/>
      <c r="BV35" s="177"/>
      <c r="BW35" s="633">
        <f t="shared" ref="BW35:BW43" si="2">IF(BY35="","",BW34+1)</f>
        <v>7</v>
      </c>
      <c r="BX35" s="633"/>
      <c r="BY35" s="634" t="str">
        <f>IF('各会計、関係団体の財政状況及び健全化判断比率'!B69="","",'各会計、関係団体の財政状況及び健全化判断比率'!B69)</f>
        <v>神奈川県後期高齢者医療広域連合（事業会計）</v>
      </c>
      <c r="BZ35" s="634"/>
      <c r="CA35" s="634"/>
      <c r="CB35" s="634"/>
      <c r="CC35" s="634"/>
      <c r="CD35" s="634"/>
      <c r="CE35" s="634"/>
      <c r="CF35" s="634"/>
      <c r="CG35" s="634"/>
      <c r="CH35" s="634"/>
      <c r="CI35" s="634"/>
      <c r="CJ35" s="634"/>
      <c r="CK35" s="634"/>
      <c r="CL35" s="634"/>
      <c r="CM35" s="634"/>
      <c r="CN35" s="177"/>
      <c r="CO35" s="633">
        <f t="shared" ref="CO35:CO43" si="3">IF(CQ35="","",CO34+1)</f>
        <v>11</v>
      </c>
      <c r="CP35" s="633"/>
      <c r="CQ35" s="634" t="str">
        <f>IF('各会計、関係団体の財政状況及び健全化判断比率'!BS8="","",'各会計、関係団体の財政状況及び健全化判断比率'!BS8)</f>
        <v>（公財）かながわ海岸美化財団</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
      </c>
      <c r="DH35" s="635"/>
      <c r="DI35" s="204"/>
    </row>
    <row r="36" spans="1:113" ht="32.25" customHeight="1" x14ac:dyDescent="0.2">
      <c r="A36" s="177"/>
      <c r="B36" s="201"/>
      <c r="C36" s="633" t="str">
        <f>IF(E36="","",C35+1)</f>
        <v/>
      </c>
      <c r="D36" s="633"/>
      <c r="E36" s="634" t="str">
        <f>IF('各会計、関係団体の財政状況及び健全化判断比率'!B9="","",'各会計、関係団体の財政状況及び健全化判断比率'!B9)</f>
        <v/>
      </c>
      <c r="F36" s="634"/>
      <c r="G36" s="634"/>
      <c r="H36" s="634"/>
      <c r="I36" s="634"/>
      <c r="J36" s="634"/>
      <c r="K36" s="634"/>
      <c r="L36" s="634"/>
      <c r="M36" s="634"/>
      <c r="N36" s="634"/>
      <c r="O36" s="634"/>
      <c r="P36" s="634"/>
      <c r="Q36" s="634"/>
      <c r="R36" s="634"/>
      <c r="S36" s="634"/>
      <c r="T36" s="177"/>
      <c r="U36" s="633">
        <f t="shared" ref="U36:U43" si="4">IF(W36="","",U35+1)</f>
        <v>4</v>
      </c>
      <c r="V36" s="633"/>
      <c r="W36" s="634" t="str">
        <f>IF('各会計、関係団体の財政状況及び健全化判断比率'!B30="","",'各会計、関係団体の財政状況及び健全化判断比率'!B30)</f>
        <v>後期高齢者医療特別会計</v>
      </c>
      <c r="X36" s="634"/>
      <c r="Y36" s="634"/>
      <c r="Z36" s="634"/>
      <c r="AA36" s="634"/>
      <c r="AB36" s="634"/>
      <c r="AC36" s="634"/>
      <c r="AD36" s="634"/>
      <c r="AE36" s="634"/>
      <c r="AF36" s="634"/>
      <c r="AG36" s="634"/>
      <c r="AH36" s="634"/>
      <c r="AI36" s="634"/>
      <c r="AJ36" s="634"/>
      <c r="AK36" s="634"/>
      <c r="AL36" s="177"/>
      <c r="AM36" s="633" t="str">
        <f t="shared" si="0"/>
        <v/>
      </c>
      <c r="AN36" s="633"/>
      <c r="AO36" s="634"/>
      <c r="AP36" s="634"/>
      <c r="AQ36" s="634"/>
      <c r="AR36" s="634"/>
      <c r="AS36" s="634"/>
      <c r="AT36" s="634"/>
      <c r="AU36" s="634"/>
      <c r="AV36" s="634"/>
      <c r="AW36" s="634"/>
      <c r="AX36" s="634"/>
      <c r="AY36" s="634"/>
      <c r="AZ36" s="634"/>
      <c r="BA36" s="634"/>
      <c r="BB36" s="634"/>
      <c r="BC36" s="634"/>
      <c r="BD36" s="177"/>
      <c r="BE36" s="633" t="str">
        <f t="shared" si="1"/>
        <v/>
      </c>
      <c r="BF36" s="633"/>
      <c r="BG36" s="634"/>
      <c r="BH36" s="634"/>
      <c r="BI36" s="634"/>
      <c r="BJ36" s="634"/>
      <c r="BK36" s="634"/>
      <c r="BL36" s="634"/>
      <c r="BM36" s="634"/>
      <c r="BN36" s="634"/>
      <c r="BO36" s="634"/>
      <c r="BP36" s="634"/>
      <c r="BQ36" s="634"/>
      <c r="BR36" s="634"/>
      <c r="BS36" s="634"/>
      <c r="BT36" s="634"/>
      <c r="BU36" s="634"/>
      <c r="BV36" s="177"/>
      <c r="BW36" s="633">
        <f t="shared" si="2"/>
        <v>8</v>
      </c>
      <c r="BX36" s="633"/>
      <c r="BY36" s="634" t="str">
        <f>IF('各会計、関係団体の財政状況及び健全化判断比率'!B70="","",'各会計、関係団体の財政状況及び健全化判断比率'!B70)</f>
        <v>神奈川県市町村職員退職手当組合</v>
      </c>
      <c r="BZ36" s="634"/>
      <c r="CA36" s="634"/>
      <c r="CB36" s="634"/>
      <c r="CC36" s="634"/>
      <c r="CD36" s="634"/>
      <c r="CE36" s="634"/>
      <c r="CF36" s="634"/>
      <c r="CG36" s="634"/>
      <c r="CH36" s="634"/>
      <c r="CI36" s="634"/>
      <c r="CJ36" s="634"/>
      <c r="CK36" s="634"/>
      <c r="CL36" s="634"/>
      <c r="CM36" s="634"/>
      <c r="CN36" s="177"/>
      <c r="CO36" s="633" t="str">
        <f t="shared" si="3"/>
        <v/>
      </c>
      <c r="CP36" s="633"/>
      <c r="CQ36" s="634" t="str">
        <f>IF('各会計、関係団体の財政状況及び健全化判断比率'!BS9="","",'各会計、関係団体の財政状況及び健全化判断比率'!BS9)</f>
        <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4"/>
    </row>
    <row r="37" spans="1:113" ht="32.25" customHeight="1" x14ac:dyDescent="0.2">
      <c r="A37" s="177"/>
      <c r="B37" s="201"/>
      <c r="C37" s="633" t="str">
        <f>IF(E37="","",C36+1)</f>
        <v/>
      </c>
      <c r="D37" s="633"/>
      <c r="E37" s="634" t="str">
        <f>IF('各会計、関係団体の財政状況及び健全化判断比率'!B10="","",'各会計、関係団体の財政状況及び健全化判断比率'!B10)</f>
        <v/>
      </c>
      <c r="F37" s="634"/>
      <c r="G37" s="634"/>
      <c r="H37" s="634"/>
      <c r="I37" s="634"/>
      <c r="J37" s="634"/>
      <c r="K37" s="634"/>
      <c r="L37" s="634"/>
      <c r="M37" s="634"/>
      <c r="N37" s="634"/>
      <c r="O37" s="634"/>
      <c r="P37" s="634"/>
      <c r="Q37" s="634"/>
      <c r="R37" s="634"/>
      <c r="S37" s="634"/>
      <c r="T37" s="177"/>
      <c r="U37" s="633" t="str">
        <f t="shared" si="4"/>
        <v/>
      </c>
      <c r="V37" s="633"/>
      <c r="W37" s="634"/>
      <c r="X37" s="634"/>
      <c r="Y37" s="634"/>
      <c r="Z37" s="634"/>
      <c r="AA37" s="634"/>
      <c r="AB37" s="634"/>
      <c r="AC37" s="634"/>
      <c r="AD37" s="634"/>
      <c r="AE37" s="634"/>
      <c r="AF37" s="634"/>
      <c r="AG37" s="634"/>
      <c r="AH37" s="634"/>
      <c r="AI37" s="634"/>
      <c r="AJ37" s="634"/>
      <c r="AK37" s="634"/>
      <c r="AL37" s="177"/>
      <c r="AM37" s="633" t="str">
        <f t="shared" si="0"/>
        <v/>
      </c>
      <c r="AN37" s="633"/>
      <c r="AO37" s="634"/>
      <c r="AP37" s="634"/>
      <c r="AQ37" s="634"/>
      <c r="AR37" s="634"/>
      <c r="AS37" s="634"/>
      <c r="AT37" s="634"/>
      <c r="AU37" s="634"/>
      <c r="AV37" s="634"/>
      <c r="AW37" s="634"/>
      <c r="AX37" s="634"/>
      <c r="AY37" s="634"/>
      <c r="AZ37" s="634"/>
      <c r="BA37" s="634"/>
      <c r="BB37" s="634"/>
      <c r="BC37" s="634"/>
      <c r="BD37" s="177"/>
      <c r="BE37" s="633" t="str">
        <f t="shared" si="1"/>
        <v/>
      </c>
      <c r="BF37" s="633"/>
      <c r="BG37" s="634"/>
      <c r="BH37" s="634"/>
      <c r="BI37" s="634"/>
      <c r="BJ37" s="634"/>
      <c r="BK37" s="634"/>
      <c r="BL37" s="634"/>
      <c r="BM37" s="634"/>
      <c r="BN37" s="634"/>
      <c r="BO37" s="634"/>
      <c r="BP37" s="634"/>
      <c r="BQ37" s="634"/>
      <c r="BR37" s="634"/>
      <c r="BS37" s="634"/>
      <c r="BT37" s="634"/>
      <c r="BU37" s="634"/>
      <c r="BV37" s="177"/>
      <c r="BW37" s="633">
        <f t="shared" si="2"/>
        <v>9</v>
      </c>
      <c r="BX37" s="633"/>
      <c r="BY37" s="634" t="str">
        <f>IF('各会計、関係団体の財政状況及び健全化判断比率'!B71="","",'各会計、関係団体の財政状況及び健全化判断比率'!B71)</f>
        <v>神奈川県町村情報システム共同事業組合</v>
      </c>
      <c r="BZ37" s="634"/>
      <c r="CA37" s="634"/>
      <c r="CB37" s="634"/>
      <c r="CC37" s="634"/>
      <c r="CD37" s="634"/>
      <c r="CE37" s="634"/>
      <c r="CF37" s="634"/>
      <c r="CG37" s="634"/>
      <c r="CH37" s="634"/>
      <c r="CI37" s="634"/>
      <c r="CJ37" s="634"/>
      <c r="CK37" s="634"/>
      <c r="CL37" s="634"/>
      <c r="CM37" s="634"/>
      <c r="CN37" s="177"/>
      <c r="CO37" s="633" t="str">
        <f t="shared" si="3"/>
        <v/>
      </c>
      <c r="CP37" s="633"/>
      <c r="CQ37" s="634" t="str">
        <f>IF('各会計、関係団体の財政状況及び健全化判断比率'!BS10="","",'各会計、関係団体の財政状況及び健全化判断比率'!BS10)</f>
        <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4"/>
    </row>
    <row r="38" spans="1:113" ht="32.25" customHeight="1" x14ac:dyDescent="0.2">
      <c r="A38" s="177"/>
      <c r="B38" s="201"/>
      <c r="C38" s="633" t="str">
        <f t="shared" ref="C38:C43" si="5">IF(E38="","",C37+1)</f>
        <v/>
      </c>
      <c r="D38" s="633"/>
      <c r="E38" s="634" t="str">
        <f>IF('各会計、関係団体の財政状況及び健全化判断比率'!B11="","",'各会計、関係団体の財政状況及び健全化判断比率'!B11)</f>
        <v/>
      </c>
      <c r="F38" s="634"/>
      <c r="G38" s="634"/>
      <c r="H38" s="634"/>
      <c r="I38" s="634"/>
      <c r="J38" s="634"/>
      <c r="K38" s="634"/>
      <c r="L38" s="634"/>
      <c r="M38" s="634"/>
      <c r="N38" s="634"/>
      <c r="O38" s="634"/>
      <c r="P38" s="634"/>
      <c r="Q38" s="634"/>
      <c r="R38" s="634"/>
      <c r="S38" s="634"/>
      <c r="T38" s="177"/>
      <c r="U38" s="633" t="str">
        <f t="shared" si="4"/>
        <v/>
      </c>
      <c r="V38" s="633"/>
      <c r="W38" s="634"/>
      <c r="X38" s="634"/>
      <c r="Y38" s="634"/>
      <c r="Z38" s="634"/>
      <c r="AA38" s="634"/>
      <c r="AB38" s="634"/>
      <c r="AC38" s="634"/>
      <c r="AD38" s="634"/>
      <c r="AE38" s="634"/>
      <c r="AF38" s="634"/>
      <c r="AG38" s="634"/>
      <c r="AH38" s="634"/>
      <c r="AI38" s="634"/>
      <c r="AJ38" s="634"/>
      <c r="AK38" s="634"/>
      <c r="AL38" s="177"/>
      <c r="AM38" s="633" t="str">
        <f t="shared" si="0"/>
        <v/>
      </c>
      <c r="AN38" s="633"/>
      <c r="AO38" s="634"/>
      <c r="AP38" s="634"/>
      <c r="AQ38" s="634"/>
      <c r="AR38" s="634"/>
      <c r="AS38" s="634"/>
      <c r="AT38" s="634"/>
      <c r="AU38" s="634"/>
      <c r="AV38" s="634"/>
      <c r="AW38" s="634"/>
      <c r="AX38" s="634"/>
      <c r="AY38" s="634"/>
      <c r="AZ38" s="634"/>
      <c r="BA38" s="634"/>
      <c r="BB38" s="634"/>
      <c r="BC38" s="634"/>
      <c r="BD38" s="177"/>
      <c r="BE38" s="633" t="str">
        <f t="shared" si="1"/>
        <v/>
      </c>
      <c r="BF38" s="633"/>
      <c r="BG38" s="634"/>
      <c r="BH38" s="634"/>
      <c r="BI38" s="634"/>
      <c r="BJ38" s="634"/>
      <c r="BK38" s="634"/>
      <c r="BL38" s="634"/>
      <c r="BM38" s="634"/>
      <c r="BN38" s="634"/>
      <c r="BO38" s="634"/>
      <c r="BP38" s="634"/>
      <c r="BQ38" s="634"/>
      <c r="BR38" s="634"/>
      <c r="BS38" s="634"/>
      <c r="BT38" s="634"/>
      <c r="BU38" s="634"/>
      <c r="BV38" s="177"/>
      <c r="BW38" s="633" t="str">
        <f t="shared" si="2"/>
        <v/>
      </c>
      <c r="BX38" s="633"/>
      <c r="BY38" s="634" t="str">
        <f>IF('各会計、関係団体の財政状況及び健全化判断比率'!B72="","",'各会計、関係団体の財政状況及び健全化判断比率'!B72)</f>
        <v/>
      </c>
      <c r="BZ38" s="634"/>
      <c r="CA38" s="634"/>
      <c r="CB38" s="634"/>
      <c r="CC38" s="634"/>
      <c r="CD38" s="634"/>
      <c r="CE38" s="634"/>
      <c r="CF38" s="634"/>
      <c r="CG38" s="634"/>
      <c r="CH38" s="634"/>
      <c r="CI38" s="634"/>
      <c r="CJ38" s="634"/>
      <c r="CK38" s="634"/>
      <c r="CL38" s="634"/>
      <c r="CM38" s="634"/>
      <c r="CN38" s="177"/>
      <c r="CO38" s="633" t="str">
        <f t="shared" si="3"/>
        <v/>
      </c>
      <c r="CP38" s="633"/>
      <c r="CQ38" s="634" t="str">
        <f>IF('各会計、関係団体の財政状況及び健全化判断比率'!BS11="","",'各会計、関係団体の財政状況及び健全化判断比率'!BS11)</f>
        <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4"/>
    </row>
    <row r="39" spans="1:113" ht="32.25" customHeight="1" x14ac:dyDescent="0.2">
      <c r="A39" s="177"/>
      <c r="B39" s="201"/>
      <c r="C39" s="633" t="str">
        <f t="shared" si="5"/>
        <v/>
      </c>
      <c r="D39" s="633"/>
      <c r="E39" s="634" t="str">
        <f>IF('各会計、関係団体の財政状況及び健全化判断比率'!B12="","",'各会計、関係団体の財政状況及び健全化判断比率'!B12)</f>
        <v/>
      </c>
      <c r="F39" s="634"/>
      <c r="G39" s="634"/>
      <c r="H39" s="634"/>
      <c r="I39" s="634"/>
      <c r="J39" s="634"/>
      <c r="K39" s="634"/>
      <c r="L39" s="634"/>
      <c r="M39" s="634"/>
      <c r="N39" s="634"/>
      <c r="O39" s="634"/>
      <c r="P39" s="634"/>
      <c r="Q39" s="634"/>
      <c r="R39" s="634"/>
      <c r="S39" s="634"/>
      <c r="T39" s="177"/>
      <c r="U39" s="633" t="str">
        <f t="shared" si="4"/>
        <v/>
      </c>
      <c r="V39" s="633"/>
      <c r="W39" s="634"/>
      <c r="X39" s="634"/>
      <c r="Y39" s="634"/>
      <c r="Z39" s="634"/>
      <c r="AA39" s="634"/>
      <c r="AB39" s="634"/>
      <c r="AC39" s="634"/>
      <c r="AD39" s="634"/>
      <c r="AE39" s="634"/>
      <c r="AF39" s="634"/>
      <c r="AG39" s="634"/>
      <c r="AH39" s="634"/>
      <c r="AI39" s="634"/>
      <c r="AJ39" s="634"/>
      <c r="AK39" s="634"/>
      <c r="AL39" s="177"/>
      <c r="AM39" s="633" t="str">
        <f t="shared" si="0"/>
        <v/>
      </c>
      <c r="AN39" s="633"/>
      <c r="AO39" s="634"/>
      <c r="AP39" s="634"/>
      <c r="AQ39" s="634"/>
      <c r="AR39" s="634"/>
      <c r="AS39" s="634"/>
      <c r="AT39" s="634"/>
      <c r="AU39" s="634"/>
      <c r="AV39" s="634"/>
      <c r="AW39" s="634"/>
      <c r="AX39" s="634"/>
      <c r="AY39" s="634"/>
      <c r="AZ39" s="634"/>
      <c r="BA39" s="634"/>
      <c r="BB39" s="634"/>
      <c r="BC39" s="634"/>
      <c r="BD39" s="177"/>
      <c r="BE39" s="633" t="str">
        <f t="shared" si="1"/>
        <v/>
      </c>
      <c r="BF39" s="633"/>
      <c r="BG39" s="634"/>
      <c r="BH39" s="634"/>
      <c r="BI39" s="634"/>
      <c r="BJ39" s="634"/>
      <c r="BK39" s="634"/>
      <c r="BL39" s="634"/>
      <c r="BM39" s="634"/>
      <c r="BN39" s="634"/>
      <c r="BO39" s="634"/>
      <c r="BP39" s="634"/>
      <c r="BQ39" s="634"/>
      <c r="BR39" s="634"/>
      <c r="BS39" s="634"/>
      <c r="BT39" s="634"/>
      <c r="BU39" s="634"/>
      <c r="BV39" s="177"/>
      <c r="BW39" s="633" t="str">
        <f t="shared" si="2"/>
        <v/>
      </c>
      <c r="BX39" s="633"/>
      <c r="BY39" s="634" t="str">
        <f>IF('各会計、関係団体の財政状況及び健全化判断比率'!B73="","",'各会計、関係団体の財政状況及び健全化判断比率'!B73)</f>
        <v/>
      </c>
      <c r="BZ39" s="634"/>
      <c r="CA39" s="634"/>
      <c r="CB39" s="634"/>
      <c r="CC39" s="634"/>
      <c r="CD39" s="634"/>
      <c r="CE39" s="634"/>
      <c r="CF39" s="634"/>
      <c r="CG39" s="634"/>
      <c r="CH39" s="634"/>
      <c r="CI39" s="634"/>
      <c r="CJ39" s="634"/>
      <c r="CK39" s="634"/>
      <c r="CL39" s="634"/>
      <c r="CM39" s="634"/>
      <c r="CN39" s="177"/>
      <c r="CO39" s="633" t="str">
        <f t="shared" si="3"/>
        <v/>
      </c>
      <c r="CP39" s="633"/>
      <c r="CQ39" s="634" t="str">
        <f>IF('各会計、関係団体の財政状況及び健全化判断比率'!BS12="","",'各会計、関係団体の財政状況及び健全化判断比率'!BS12)</f>
        <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4"/>
    </row>
    <row r="40" spans="1:113" ht="32.25" customHeight="1" x14ac:dyDescent="0.2">
      <c r="A40" s="177"/>
      <c r="B40" s="201"/>
      <c r="C40" s="633" t="str">
        <f t="shared" si="5"/>
        <v/>
      </c>
      <c r="D40" s="633"/>
      <c r="E40" s="634" t="str">
        <f>IF('各会計、関係団体の財政状況及び健全化判断比率'!B13="","",'各会計、関係団体の財政状況及び健全化判断比率'!B13)</f>
        <v/>
      </c>
      <c r="F40" s="634"/>
      <c r="G40" s="634"/>
      <c r="H40" s="634"/>
      <c r="I40" s="634"/>
      <c r="J40" s="634"/>
      <c r="K40" s="634"/>
      <c r="L40" s="634"/>
      <c r="M40" s="634"/>
      <c r="N40" s="634"/>
      <c r="O40" s="634"/>
      <c r="P40" s="634"/>
      <c r="Q40" s="634"/>
      <c r="R40" s="634"/>
      <c r="S40" s="634"/>
      <c r="T40" s="177"/>
      <c r="U40" s="633" t="str">
        <f t="shared" si="4"/>
        <v/>
      </c>
      <c r="V40" s="633"/>
      <c r="W40" s="634"/>
      <c r="X40" s="634"/>
      <c r="Y40" s="634"/>
      <c r="Z40" s="634"/>
      <c r="AA40" s="634"/>
      <c r="AB40" s="634"/>
      <c r="AC40" s="634"/>
      <c r="AD40" s="634"/>
      <c r="AE40" s="634"/>
      <c r="AF40" s="634"/>
      <c r="AG40" s="634"/>
      <c r="AH40" s="634"/>
      <c r="AI40" s="634"/>
      <c r="AJ40" s="634"/>
      <c r="AK40" s="634"/>
      <c r="AL40" s="177"/>
      <c r="AM40" s="633" t="str">
        <f t="shared" si="0"/>
        <v/>
      </c>
      <c r="AN40" s="633"/>
      <c r="AO40" s="634"/>
      <c r="AP40" s="634"/>
      <c r="AQ40" s="634"/>
      <c r="AR40" s="634"/>
      <c r="AS40" s="634"/>
      <c r="AT40" s="634"/>
      <c r="AU40" s="634"/>
      <c r="AV40" s="634"/>
      <c r="AW40" s="634"/>
      <c r="AX40" s="634"/>
      <c r="AY40" s="634"/>
      <c r="AZ40" s="634"/>
      <c r="BA40" s="634"/>
      <c r="BB40" s="634"/>
      <c r="BC40" s="634"/>
      <c r="BD40" s="177"/>
      <c r="BE40" s="633" t="str">
        <f t="shared" si="1"/>
        <v/>
      </c>
      <c r="BF40" s="633"/>
      <c r="BG40" s="634"/>
      <c r="BH40" s="634"/>
      <c r="BI40" s="634"/>
      <c r="BJ40" s="634"/>
      <c r="BK40" s="634"/>
      <c r="BL40" s="634"/>
      <c r="BM40" s="634"/>
      <c r="BN40" s="634"/>
      <c r="BO40" s="634"/>
      <c r="BP40" s="634"/>
      <c r="BQ40" s="634"/>
      <c r="BR40" s="634"/>
      <c r="BS40" s="634"/>
      <c r="BT40" s="634"/>
      <c r="BU40" s="634"/>
      <c r="BV40" s="177"/>
      <c r="BW40" s="633" t="str">
        <f t="shared" si="2"/>
        <v/>
      </c>
      <c r="BX40" s="633"/>
      <c r="BY40" s="634" t="str">
        <f>IF('各会計、関係団体の財政状況及び健全化判断比率'!B74="","",'各会計、関係団体の財政状況及び健全化判断比率'!B74)</f>
        <v/>
      </c>
      <c r="BZ40" s="634"/>
      <c r="CA40" s="634"/>
      <c r="CB40" s="634"/>
      <c r="CC40" s="634"/>
      <c r="CD40" s="634"/>
      <c r="CE40" s="634"/>
      <c r="CF40" s="634"/>
      <c r="CG40" s="634"/>
      <c r="CH40" s="634"/>
      <c r="CI40" s="634"/>
      <c r="CJ40" s="634"/>
      <c r="CK40" s="634"/>
      <c r="CL40" s="634"/>
      <c r="CM40" s="634"/>
      <c r="CN40" s="177"/>
      <c r="CO40" s="633" t="str">
        <f t="shared" si="3"/>
        <v/>
      </c>
      <c r="CP40" s="633"/>
      <c r="CQ40" s="634" t="str">
        <f>IF('各会計、関係団体の財政状況及び健全化判断比率'!BS13="","",'各会計、関係団体の財政状況及び健全化判断比率'!BS13)</f>
        <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4"/>
    </row>
    <row r="41" spans="1:113" ht="32.25" customHeight="1" x14ac:dyDescent="0.2">
      <c r="A41" s="177"/>
      <c r="B41" s="201"/>
      <c r="C41" s="633" t="str">
        <f t="shared" si="5"/>
        <v/>
      </c>
      <c r="D41" s="633"/>
      <c r="E41" s="634" t="str">
        <f>IF('各会計、関係団体の財政状況及び健全化判断比率'!B14="","",'各会計、関係団体の財政状況及び健全化判断比率'!B14)</f>
        <v/>
      </c>
      <c r="F41" s="634"/>
      <c r="G41" s="634"/>
      <c r="H41" s="634"/>
      <c r="I41" s="634"/>
      <c r="J41" s="634"/>
      <c r="K41" s="634"/>
      <c r="L41" s="634"/>
      <c r="M41" s="634"/>
      <c r="N41" s="634"/>
      <c r="O41" s="634"/>
      <c r="P41" s="634"/>
      <c r="Q41" s="634"/>
      <c r="R41" s="634"/>
      <c r="S41" s="634"/>
      <c r="T41" s="177"/>
      <c r="U41" s="633" t="str">
        <f t="shared" si="4"/>
        <v/>
      </c>
      <c r="V41" s="633"/>
      <c r="W41" s="634"/>
      <c r="X41" s="634"/>
      <c r="Y41" s="634"/>
      <c r="Z41" s="634"/>
      <c r="AA41" s="634"/>
      <c r="AB41" s="634"/>
      <c r="AC41" s="634"/>
      <c r="AD41" s="634"/>
      <c r="AE41" s="634"/>
      <c r="AF41" s="634"/>
      <c r="AG41" s="634"/>
      <c r="AH41" s="634"/>
      <c r="AI41" s="634"/>
      <c r="AJ41" s="634"/>
      <c r="AK41" s="634"/>
      <c r="AL41" s="177"/>
      <c r="AM41" s="633" t="str">
        <f t="shared" si="0"/>
        <v/>
      </c>
      <c r="AN41" s="633"/>
      <c r="AO41" s="634"/>
      <c r="AP41" s="634"/>
      <c r="AQ41" s="634"/>
      <c r="AR41" s="634"/>
      <c r="AS41" s="634"/>
      <c r="AT41" s="634"/>
      <c r="AU41" s="634"/>
      <c r="AV41" s="634"/>
      <c r="AW41" s="634"/>
      <c r="AX41" s="634"/>
      <c r="AY41" s="634"/>
      <c r="AZ41" s="634"/>
      <c r="BA41" s="634"/>
      <c r="BB41" s="634"/>
      <c r="BC41" s="634"/>
      <c r="BD41" s="177"/>
      <c r="BE41" s="633" t="str">
        <f t="shared" si="1"/>
        <v/>
      </c>
      <c r="BF41" s="633"/>
      <c r="BG41" s="634"/>
      <c r="BH41" s="634"/>
      <c r="BI41" s="634"/>
      <c r="BJ41" s="634"/>
      <c r="BK41" s="634"/>
      <c r="BL41" s="634"/>
      <c r="BM41" s="634"/>
      <c r="BN41" s="634"/>
      <c r="BO41" s="634"/>
      <c r="BP41" s="634"/>
      <c r="BQ41" s="634"/>
      <c r="BR41" s="634"/>
      <c r="BS41" s="634"/>
      <c r="BT41" s="634"/>
      <c r="BU41" s="634"/>
      <c r="BV41" s="177"/>
      <c r="BW41" s="633" t="str">
        <f t="shared" si="2"/>
        <v/>
      </c>
      <c r="BX41" s="633"/>
      <c r="BY41" s="634" t="str">
        <f>IF('各会計、関係団体の財政状況及び健全化判断比率'!B75="","",'各会計、関係団体の財政状況及び健全化判断比率'!B75)</f>
        <v/>
      </c>
      <c r="BZ41" s="634"/>
      <c r="CA41" s="634"/>
      <c r="CB41" s="634"/>
      <c r="CC41" s="634"/>
      <c r="CD41" s="634"/>
      <c r="CE41" s="634"/>
      <c r="CF41" s="634"/>
      <c r="CG41" s="634"/>
      <c r="CH41" s="634"/>
      <c r="CI41" s="634"/>
      <c r="CJ41" s="634"/>
      <c r="CK41" s="634"/>
      <c r="CL41" s="634"/>
      <c r="CM41" s="634"/>
      <c r="CN41" s="177"/>
      <c r="CO41" s="633" t="str">
        <f t="shared" si="3"/>
        <v/>
      </c>
      <c r="CP41" s="633"/>
      <c r="CQ41" s="634" t="str">
        <f>IF('各会計、関係団体の財政状況及び健全化判断比率'!BS14="","",'各会計、関係団体の財政状況及び健全化判断比率'!BS14)</f>
        <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4"/>
    </row>
    <row r="42" spans="1:113" ht="32.25" customHeight="1" x14ac:dyDescent="0.2">
      <c r="B42" s="201"/>
      <c r="C42" s="633" t="str">
        <f t="shared" si="5"/>
        <v/>
      </c>
      <c r="D42" s="633"/>
      <c r="E42" s="634" t="str">
        <f>IF('各会計、関係団体の財政状況及び健全化判断比率'!B15="","",'各会計、関係団体の財政状況及び健全化判断比率'!B15)</f>
        <v/>
      </c>
      <c r="F42" s="634"/>
      <c r="G42" s="634"/>
      <c r="H42" s="634"/>
      <c r="I42" s="634"/>
      <c r="J42" s="634"/>
      <c r="K42" s="634"/>
      <c r="L42" s="634"/>
      <c r="M42" s="634"/>
      <c r="N42" s="634"/>
      <c r="O42" s="634"/>
      <c r="P42" s="634"/>
      <c r="Q42" s="634"/>
      <c r="R42" s="634"/>
      <c r="S42" s="634"/>
      <c r="T42" s="177"/>
      <c r="U42" s="633" t="str">
        <f t="shared" si="4"/>
        <v/>
      </c>
      <c r="V42" s="633"/>
      <c r="W42" s="634"/>
      <c r="X42" s="634"/>
      <c r="Y42" s="634"/>
      <c r="Z42" s="634"/>
      <c r="AA42" s="634"/>
      <c r="AB42" s="634"/>
      <c r="AC42" s="634"/>
      <c r="AD42" s="634"/>
      <c r="AE42" s="634"/>
      <c r="AF42" s="634"/>
      <c r="AG42" s="634"/>
      <c r="AH42" s="634"/>
      <c r="AI42" s="634"/>
      <c r="AJ42" s="634"/>
      <c r="AK42" s="634"/>
      <c r="AL42" s="177"/>
      <c r="AM42" s="633" t="str">
        <f t="shared" si="0"/>
        <v/>
      </c>
      <c r="AN42" s="633"/>
      <c r="AO42" s="634"/>
      <c r="AP42" s="634"/>
      <c r="AQ42" s="634"/>
      <c r="AR42" s="634"/>
      <c r="AS42" s="634"/>
      <c r="AT42" s="634"/>
      <c r="AU42" s="634"/>
      <c r="AV42" s="634"/>
      <c r="AW42" s="634"/>
      <c r="AX42" s="634"/>
      <c r="AY42" s="634"/>
      <c r="AZ42" s="634"/>
      <c r="BA42" s="634"/>
      <c r="BB42" s="634"/>
      <c r="BC42" s="634"/>
      <c r="BD42" s="177"/>
      <c r="BE42" s="633" t="str">
        <f t="shared" si="1"/>
        <v/>
      </c>
      <c r="BF42" s="633"/>
      <c r="BG42" s="634"/>
      <c r="BH42" s="634"/>
      <c r="BI42" s="634"/>
      <c r="BJ42" s="634"/>
      <c r="BK42" s="634"/>
      <c r="BL42" s="634"/>
      <c r="BM42" s="634"/>
      <c r="BN42" s="634"/>
      <c r="BO42" s="634"/>
      <c r="BP42" s="634"/>
      <c r="BQ42" s="634"/>
      <c r="BR42" s="634"/>
      <c r="BS42" s="634"/>
      <c r="BT42" s="634"/>
      <c r="BU42" s="634"/>
      <c r="BV42" s="177"/>
      <c r="BW42" s="633" t="str">
        <f t="shared" si="2"/>
        <v/>
      </c>
      <c r="BX42" s="633"/>
      <c r="BY42" s="634" t="str">
        <f>IF('各会計、関係団体の財政状況及び健全化判断比率'!B76="","",'各会計、関係団体の財政状況及び健全化判断比率'!B76)</f>
        <v/>
      </c>
      <c r="BZ42" s="634"/>
      <c r="CA42" s="634"/>
      <c r="CB42" s="634"/>
      <c r="CC42" s="634"/>
      <c r="CD42" s="634"/>
      <c r="CE42" s="634"/>
      <c r="CF42" s="634"/>
      <c r="CG42" s="634"/>
      <c r="CH42" s="634"/>
      <c r="CI42" s="634"/>
      <c r="CJ42" s="634"/>
      <c r="CK42" s="634"/>
      <c r="CL42" s="634"/>
      <c r="CM42" s="634"/>
      <c r="CN42" s="177"/>
      <c r="CO42" s="633" t="str">
        <f t="shared" si="3"/>
        <v/>
      </c>
      <c r="CP42" s="633"/>
      <c r="CQ42" s="634" t="str">
        <f>IF('各会計、関係団体の財政状況及び健全化判断比率'!BS15="","",'各会計、関係団体の財政状況及び健全化判断比率'!BS15)</f>
        <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4"/>
    </row>
    <row r="43" spans="1:113" ht="32.25" customHeight="1" x14ac:dyDescent="0.2">
      <c r="B43" s="201"/>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77"/>
      <c r="U43" s="633" t="str">
        <f t="shared" si="4"/>
        <v/>
      </c>
      <c r="V43" s="633"/>
      <c r="W43" s="634"/>
      <c r="X43" s="634"/>
      <c r="Y43" s="634"/>
      <c r="Z43" s="634"/>
      <c r="AA43" s="634"/>
      <c r="AB43" s="634"/>
      <c r="AC43" s="634"/>
      <c r="AD43" s="634"/>
      <c r="AE43" s="634"/>
      <c r="AF43" s="634"/>
      <c r="AG43" s="634"/>
      <c r="AH43" s="634"/>
      <c r="AI43" s="634"/>
      <c r="AJ43" s="634"/>
      <c r="AK43" s="634"/>
      <c r="AL43" s="177"/>
      <c r="AM43" s="633" t="str">
        <f t="shared" si="0"/>
        <v/>
      </c>
      <c r="AN43" s="633"/>
      <c r="AO43" s="634"/>
      <c r="AP43" s="634"/>
      <c r="AQ43" s="634"/>
      <c r="AR43" s="634"/>
      <c r="AS43" s="634"/>
      <c r="AT43" s="634"/>
      <c r="AU43" s="634"/>
      <c r="AV43" s="634"/>
      <c r="AW43" s="634"/>
      <c r="AX43" s="634"/>
      <c r="AY43" s="634"/>
      <c r="AZ43" s="634"/>
      <c r="BA43" s="634"/>
      <c r="BB43" s="634"/>
      <c r="BC43" s="634"/>
      <c r="BD43" s="177"/>
      <c r="BE43" s="633" t="str">
        <f t="shared" si="1"/>
        <v/>
      </c>
      <c r="BF43" s="633"/>
      <c r="BG43" s="634"/>
      <c r="BH43" s="634"/>
      <c r="BI43" s="634"/>
      <c r="BJ43" s="634"/>
      <c r="BK43" s="634"/>
      <c r="BL43" s="634"/>
      <c r="BM43" s="634"/>
      <c r="BN43" s="634"/>
      <c r="BO43" s="634"/>
      <c r="BP43" s="634"/>
      <c r="BQ43" s="634"/>
      <c r="BR43" s="634"/>
      <c r="BS43" s="634"/>
      <c r="BT43" s="634"/>
      <c r="BU43" s="634"/>
      <c r="BV43" s="177"/>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77"/>
      <c r="CO43" s="633" t="str">
        <f t="shared" si="3"/>
        <v/>
      </c>
      <c r="CP43" s="633"/>
      <c r="CQ43" s="634" t="str">
        <f>IF('各会計、関係団体の財政状況及び健全化判断比率'!BS16="","",'各会計、関係団体の財政状況及び健全化判断比率'!BS16)</f>
        <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4"/>
    </row>
    <row r="44" spans="1:113" ht="13.5" customHeight="1" thickBot="1" x14ac:dyDescent="0.25">
      <c r="B44" s="205"/>
      <c r="C44" s="206"/>
      <c r="D44" s="206"/>
      <c r="E44" s="206"/>
      <c r="F44" s="206"/>
      <c r="G44" s="206"/>
      <c r="H44" s="206"/>
      <c r="I44" s="206"/>
      <c r="J44" s="206"/>
      <c r="K44" s="206"/>
      <c r="L44" s="206"/>
      <c r="M44" s="206"/>
      <c r="N44" s="206"/>
      <c r="O44" s="206"/>
      <c r="P44" s="206"/>
      <c r="Q44" s="206"/>
      <c r="R44" s="206"/>
      <c r="S44" s="206"/>
      <c r="T44" s="206"/>
      <c r="U44" s="206"/>
      <c r="V44" s="206"/>
      <c r="W44" s="206"/>
      <c r="X44" s="206"/>
      <c r="Y44" s="206"/>
      <c r="Z44" s="206"/>
      <c r="AA44" s="206"/>
      <c r="AB44" s="206"/>
      <c r="AC44" s="206"/>
      <c r="AD44" s="206"/>
      <c r="AE44" s="206"/>
      <c r="AF44" s="206"/>
      <c r="AG44" s="206"/>
      <c r="AH44" s="206"/>
      <c r="AI44" s="206"/>
      <c r="AJ44" s="206"/>
      <c r="AK44" s="206"/>
      <c r="AL44" s="206"/>
      <c r="AM44" s="206"/>
      <c r="AN44" s="206"/>
      <c r="AO44" s="206"/>
      <c r="AP44" s="206"/>
      <c r="AQ44" s="206"/>
      <c r="AR44" s="206"/>
      <c r="AS44" s="206"/>
      <c r="AT44" s="206"/>
      <c r="AU44" s="206"/>
      <c r="AV44" s="206"/>
      <c r="AW44" s="206"/>
      <c r="AX44" s="206"/>
      <c r="AY44" s="206"/>
      <c r="AZ44" s="206"/>
      <c r="BA44" s="206"/>
      <c r="BB44" s="206"/>
      <c r="BC44" s="206"/>
      <c r="BD44" s="206"/>
      <c r="BE44" s="206"/>
      <c r="BF44" s="206"/>
      <c r="BG44" s="206"/>
      <c r="BH44" s="206"/>
      <c r="BI44" s="206"/>
      <c r="BJ44" s="206"/>
      <c r="BK44" s="206"/>
      <c r="BL44" s="206"/>
      <c r="BM44" s="206"/>
      <c r="BN44" s="206"/>
      <c r="BO44" s="206"/>
      <c r="BP44" s="206"/>
      <c r="BQ44" s="206"/>
      <c r="BR44" s="206"/>
      <c r="BS44" s="206"/>
      <c r="BT44" s="206"/>
      <c r="BU44" s="206"/>
      <c r="BV44" s="206"/>
      <c r="BW44" s="206"/>
      <c r="BX44" s="206"/>
      <c r="BY44" s="206"/>
      <c r="BZ44" s="206"/>
      <c r="CA44" s="206"/>
      <c r="CB44" s="206"/>
      <c r="CC44" s="206"/>
      <c r="CD44" s="206"/>
      <c r="CE44" s="206"/>
      <c r="CF44" s="206"/>
      <c r="CG44" s="206"/>
      <c r="CH44" s="206"/>
      <c r="CI44" s="206"/>
      <c r="CJ44" s="206"/>
      <c r="CK44" s="206"/>
      <c r="CL44" s="206"/>
      <c r="CM44" s="206"/>
      <c r="CN44" s="206"/>
      <c r="CO44" s="206"/>
      <c r="CP44" s="206"/>
      <c r="CQ44" s="206"/>
      <c r="CR44" s="206"/>
      <c r="CS44" s="206"/>
      <c r="CT44" s="206"/>
      <c r="CU44" s="206"/>
      <c r="CV44" s="206"/>
      <c r="CW44" s="206"/>
      <c r="CX44" s="206"/>
      <c r="CY44" s="206"/>
      <c r="CZ44" s="206"/>
      <c r="DA44" s="206"/>
      <c r="DB44" s="206"/>
      <c r="DC44" s="206"/>
      <c r="DD44" s="206"/>
      <c r="DE44" s="206"/>
      <c r="DF44" s="206"/>
      <c r="DG44" s="206"/>
      <c r="DH44" s="206"/>
      <c r="DI44" s="207"/>
    </row>
    <row r="45" spans="1:113" x14ac:dyDescent="0.2"/>
    <row r="46" spans="1:113" x14ac:dyDescent="0.2">
      <c r="B46" s="176" t="s">
        <v>212</v>
      </c>
      <c r="E46" s="636" t="s">
        <v>213</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14</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15</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16</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17</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8</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9</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20</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dlbESwZ7PNz5gumkrYFDSCmmKmVxFWd9fRK4gKV2sd/hf6Rtqmil/IsPScHFksdAgPpSmHzF52GQS6wwkEE/xQ==" saltValue="q1aZzM3lq7AncKJbrRw0Lg=="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3"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51"/>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69</v>
      </c>
      <c r="G33" s="29" t="s">
        <v>570</v>
      </c>
      <c r="H33" s="29" t="s">
        <v>571</v>
      </c>
      <c r="I33" s="29" t="s">
        <v>572</v>
      </c>
      <c r="J33" s="30" t="s">
        <v>573</v>
      </c>
      <c r="K33" s="22"/>
      <c r="L33" s="22"/>
      <c r="M33" s="22"/>
      <c r="N33" s="22"/>
      <c r="O33" s="22"/>
      <c r="P33" s="22"/>
    </row>
    <row r="34" spans="1:16" ht="39" customHeight="1" x14ac:dyDescent="0.2">
      <c r="A34" s="22"/>
      <c r="B34" s="31"/>
      <c r="C34" s="1186" t="s">
        <v>575</v>
      </c>
      <c r="D34" s="1186"/>
      <c r="E34" s="1187"/>
      <c r="F34" s="32">
        <v>4.3600000000000003</v>
      </c>
      <c r="G34" s="33">
        <v>4.91</v>
      </c>
      <c r="H34" s="33">
        <v>6.59</v>
      </c>
      <c r="I34" s="33">
        <v>8.2200000000000006</v>
      </c>
      <c r="J34" s="34">
        <v>7.78</v>
      </c>
      <c r="K34" s="22"/>
      <c r="L34" s="22"/>
      <c r="M34" s="22"/>
      <c r="N34" s="22"/>
      <c r="O34" s="22"/>
      <c r="P34" s="22"/>
    </row>
    <row r="35" spans="1:16" ht="39" customHeight="1" x14ac:dyDescent="0.2">
      <c r="A35" s="22"/>
      <c r="B35" s="35"/>
      <c r="C35" s="1180" t="s">
        <v>576</v>
      </c>
      <c r="D35" s="1181"/>
      <c r="E35" s="1182"/>
      <c r="F35" s="36">
        <v>0.97</v>
      </c>
      <c r="G35" s="37">
        <v>1.1000000000000001</v>
      </c>
      <c r="H35" s="37">
        <v>1.19</v>
      </c>
      <c r="I35" s="37">
        <v>1.38</v>
      </c>
      <c r="J35" s="38">
        <v>1.48</v>
      </c>
      <c r="K35" s="22"/>
      <c r="L35" s="22"/>
      <c r="M35" s="22"/>
      <c r="N35" s="22"/>
      <c r="O35" s="22"/>
      <c r="P35" s="22"/>
    </row>
    <row r="36" spans="1:16" ht="39" customHeight="1" x14ac:dyDescent="0.2">
      <c r="A36" s="22"/>
      <c r="B36" s="35"/>
      <c r="C36" s="1180" t="s">
        <v>577</v>
      </c>
      <c r="D36" s="1181"/>
      <c r="E36" s="1182"/>
      <c r="F36" s="36">
        <v>0.37</v>
      </c>
      <c r="G36" s="37">
        <v>0.63</v>
      </c>
      <c r="H36" s="37">
        <v>0.45</v>
      </c>
      <c r="I36" s="37">
        <v>1.19</v>
      </c>
      <c r="J36" s="38">
        <v>0.91</v>
      </c>
      <c r="K36" s="22"/>
      <c r="L36" s="22"/>
      <c r="M36" s="22"/>
      <c r="N36" s="22"/>
      <c r="O36" s="22"/>
      <c r="P36" s="22"/>
    </row>
    <row r="37" spans="1:16" ht="39" customHeight="1" x14ac:dyDescent="0.2">
      <c r="A37" s="22"/>
      <c r="B37" s="35"/>
      <c r="C37" s="1180" t="s">
        <v>578</v>
      </c>
      <c r="D37" s="1181"/>
      <c r="E37" s="1182"/>
      <c r="F37" s="36">
        <v>0.09</v>
      </c>
      <c r="G37" s="37">
        <v>0.2</v>
      </c>
      <c r="H37" s="37">
        <v>0.36</v>
      </c>
      <c r="I37" s="37">
        <v>0.25</v>
      </c>
      <c r="J37" s="38">
        <v>0.79</v>
      </c>
      <c r="K37" s="22"/>
      <c r="L37" s="22"/>
      <c r="M37" s="22"/>
      <c r="N37" s="22"/>
      <c r="O37" s="22"/>
      <c r="P37" s="22"/>
    </row>
    <row r="38" spans="1:16" ht="39" customHeight="1" x14ac:dyDescent="0.2">
      <c r="A38" s="22"/>
      <c r="B38" s="35"/>
      <c r="C38" s="1180" t="s">
        <v>579</v>
      </c>
      <c r="D38" s="1181"/>
      <c r="E38" s="1182"/>
      <c r="F38" s="36">
        <v>0.41</v>
      </c>
      <c r="G38" s="37">
        <v>0.66</v>
      </c>
      <c r="H38" s="37">
        <v>0.09</v>
      </c>
      <c r="I38" s="37">
        <v>0.05</v>
      </c>
      <c r="J38" s="38">
        <v>0.31</v>
      </c>
      <c r="K38" s="22"/>
      <c r="L38" s="22"/>
      <c r="M38" s="22"/>
      <c r="N38" s="22"/>
      <c r="O38" s="22"/>
      <c r="P38" s="22"/>
    </row>
    <row r="39" spans="1:16" ht="39" customHeight="1" x14ac:dyDescent="0.2">
      <c r="A39" s="22"/>
      <c r="B39" s="35"/>
      <c r="C39" s="1180"/>
      <c r="D39" s="1181"/>
      <c r="E39" s="1182"/>
      <c r="F39" s="36"/>
      <c r="G39" s="37"/>
      <c r="H39" s="37"/>
      <c r="I39" s="37"/>
      <c r="J39" s="38"/>
      <c r="K39" s="22"/>
      <c r="L39" s="22"/>
      <c r="M39" s="22"/>
      <c r="N39" s="22"/>
      <c r="O39" s="22"/>
      <c r="P39" s="22"/>
    </row>
    <row r="40" spans="1:16" ht="39" customHeight="1" x14ac:dyDescent="0.2">
      <c r="A40" s="22"/>
      <c r="B40" s="35"/>
      <c r="C40" s="1180"/>
      <c r="D40" s="1181"/>
      <c r="E40" s="1182"/>
      <c r="F40" s="36"/>
      <c r="G40" s="37"/>
      <c r="H40" s="37"/>
      <c r="I40" s="37"/>
      <c r="J40" s="38"/>
      <c r="K40" s="22"/>
      <c r="L40" s="22"/>
      <c r="M40" s="22"/>
      <c r="N40" s="22"/>
      <c r="O40" s="22"/>
      <c r="P40" s="22"/>
    </row>
    <row r="41" spans="1:16" ht="39" customHeight="1" x14ac:dyDescent="0.2">
      <c r="A41" s="22"/>
      <c r="B41" s="35"/>
      <c r="C41" s="1180"/>
      <c r="D41" s="1181"/>
      <c r="E41" s="1182"/>
      <c r="F41" s="36"/>
      <c r="G41" s="37"/>
      <c r="H41" s="37"/>
      <c r="I41" s="37"/>
      <c r="J41" s="38"/>
      <c r="K41" s="22"/>
      <c r="L41" s="22"/>
      <c r="M41" s="22"/>
      <c r="N41" s="22"/>
      <c r="O41" s="22"/>
      <c r="P41" s="22"/>
    </row>
    <row r="42" spans="1:16" ht="39" customHeight="1" x14ac:dyDescent="0.2">
      <c r="A42" s="22"/>
      <c r="B42" s="39"/>
      <c r="C42" s="1180" t="s">
        <v>580</v>
      </c>
      <c r="D42" s="1181"/>
      <c r="E42" s="1182"/>
      <c r="F42" s="36" t="s">
        <v>527</v>
      </c>
      <c r="G42" s="37" t="s">
        <v>527</v>
      </c>
      <c r="H42" s="37" t="s">
        <v>527</v>
      </c>
      <c r="I42" s="37" t="s">
        <v>527</v>
      </c>
      <c r="J42" s="38" t="s">
        <v>527</v>
      </c>
      <c r="K42" s="22"/>
      <c r="L42" s="22"/>
      <c r="M42" s="22"/>
      <c r="N42" s="22"/>
      <c r="O42" s="22"/>
      <c r="P42" s="22"/>
    </row>
    <row r="43" spans="1:16" ht="39" customHeight="1" thickBot="1" x14ac:dyDescent="0.25">
      <c r="A43" s="22"/>
      <c r="B43" s="40"/>
      <c r="C43" s="1183" t="s">
        <v>581</v>
      </c>
      <c r="D43" s="1184"/>
      <c r="E43" s="1185"/>
      <c r="F43" s="41" t="s">
        <v>527</v>
      </c>
      <c r="G43" s="42" t="s">
        <v>527</v>
      </c>
      <c r="H43" s="42" t="s">
        <v>527</v>
      </c>
      <c r="I43" s="42" t="s">
        <v>527</v>
      </c>
      <c r="J43" s="43" t="s">
        <v>527</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row r="46" spans="1:16" ht="13.5" hidden="1" customHeight="1" x14ac:dyDescent="0.2"/>
    <row r="47" spans="1:16" ht="13.5" hidden="1" customHeight="1" x14ac:dyDescent="0.2"/>
    <row r="48" spans="1:16" ht="13.5" hidden="1" customHeight="1" x14ac:dyDescent="0.2"/>
    <row r="49" ht="13.5" hidden="1" customHeight="1" x14ac:dyDescent="0.2"/>
    <row r="50" ht="13.5" hidden="1" customHeight="1" x14ac:dyDescent="0.2"/>
    <row r="51" ht="13.5" hidden="1" customHeight="1" x14ac:dyDescent="0.2"/>
  </sheetData>
  <sheetProtection algorithmName="SHA-512" hashValue="l4txcI3uCxx8Y7V1CNO4sqE23IoTSUlReK99TWhdULUxcsALWj/+fmvKSOB+trS7oYEMvAKu0N1Ogtr4MEFniw==" saltValue="BtqmRTmgU/WRD3ngn2ZSz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8"/>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69</v>
      </c>
      <c r="L44" s="56" t="s">
        <v>570</v>
      </c>
      <c r="M44" s="56" t="s">
        <v>571</v>
      </c>
      <c r="N44" s="56" t="s">
        <v>572</v>
      </c>
      <c r="O44" s="57" t="s">
        <v>573</v>
      </c>
      <c r="P44" s="48"/>
      <c r="Q44" s="48"/>
      <c r="R44" s="48"/>
      <c r="S44" s="48"/>
      <c r="T44" s="48"/>
      <c r="U44" s="48"/>
    </row>
    <row r="45" spans="1:21" ht="30.75" customHeight="1" x14ac:dyDescent="0.2">
      <c r="A45" s="48"/>
      <c r="B45" s="1188" t="s">
        <v>11</v>
      </c>
      <c r="C45" s="1189"/>
      <c r="D45" s="58"/>
      <c r="E45" s="1194" t="s">
        <v>12</v>
      </c>
      <c r="F45" s="1194"/>
      <c r="G45" s="1194"/>
      <c r="H45" s="1194"/>
      <c r="I45" s="1194"/>
      <c r="J45" s="1195"/>
      <c r="K45" s="59">
        <v>652</v>
      </c>
      <c r="L45" s="60">
        <v>659</v>
      </c>
      <c r="M45" s="60">
        <v>636</v>
      </c>
      <c r="N45" s="60">
        <v>653</v>
      </c>
      <c r="O45" s="61">
        <v>702</v>
      </c>
      <c r="P45" s="48"/>
      <c r="Q45" s="48"/>
      <c r="R45" s="48"/>
      <c r="S45" s="48"/>
      <c r="T45" s="48"/>
      <c r="U45" s="48"/>
    </row>
    <row r="46" spans="1:21" ht="30.75" customHeight="1" x14ac:dyDescent="0.2">
      <c r="A46" s="48"/>
      <c r="B46" s="1190"/>
      <c r="C46" s="1191"/>
      <c r="D46" s="62"/>
      <c r="E46" s="1196" t="s">
        <v>13</v>
      </c>
      <c r="F46" s="1196"/>
      <c r="G46" s="1196"/>
      <c r="H46" s="1196"/>
      <c r="I46" s="1196"/>
      <c r="J46" s="1197"/>
      <c r="K46" s="63" t="s">
        <v>527</v>
      </c>
      <c r="L46" s="64" t="s">
        <v>527</v>
      </c>
      <c r="M46" s="64" t="s">
        <v>527</v>
      </c>
      <c r="N46" s="64" t="s">
        <v>527</v>
      </c>
      <c r="O46" s="65" t="s">
        <v>527</v>
      </c>
      <c r="P46" s="48"/>
      <c r="Q46" s="48"/>
      <c r="R46" s="48"/>
      <c r="S46" s="48"/>
      <c r="T46" s="48"/>
      <c r="U46" s="48"/>
    </row>
    <row r="47" spans="1:21" ht="30.75" customHeight="1" x14ac:dyDescent="0.2">
      <c r="A47" s="48"/>
      <c r="B47" s="1190"/>
      <c r="C47" s="1191"/>
      <c r="D47" s="62"/>
      <c r="E47" s="1196" t="s">
        <v>14</v>
      </c>
      <c r="F47" s="1196"/>
      <c r="G47" s="1196"/>
      <c r="H47" s="1196"/>
      <c r="I47" s="1196"/>
      <c r="J47" s="1197"/>
      <c r="K47" s="63" t="s">
        <v>527</v>
      </c>
      <c r="L47" s="64" t="s">
        <v>527</v>
      </c>
      <c r="M47" s="64" t="s">
        <v>527</v>
      </c>
      <c r="N47" s="64" t="s">
        <v>527</v>
      </c>
      <c r="O47" s="65" t="s">
        <v>527</v>
      </c>
      <c r="P47" s="48"/>
      <c r="Q47" s="48"/>
      <c r="R47" s="48"/>
      <c r="S47" s="48"/>
      <c r="T47" s="48"/>
      <c r="U47" s="48"/>
    </row>
    <row r="48" spans="1:21" ht="30.75" customHeight="1" x14ac:dyDescent="0.2">
      <c r="A48" s="48"/>
      <c r="B48" s="1190"/>
      <c r="C48" s="1191"/>
      <c r="D48" s="62"/>
      <c r="E48" s="1196" t="s">
        <v>15</v>
      </c>
      <c r="F48" s="1196"/>
      <c r="G48" s="1196"/>
      <c r="H48" s="1196"/>
      <c r="I48" s="1196"/>
      <c r="J48" s="1197"/>
      <c r="K48" s="63">
        <v>364</v>
      </c>
      <c r="L48" s="64">
        <v>278</v>
      </c>
      <c r="M48" s="64">
        <v>266</v>
      </c>
      <c r="N48" s="64">
        <v>285</v>
      </c>
      <c r="O48" s="65">
        <v>288</v>
      </c>
      <c r="P48" s="48"/>
      <c r="Q48" s="48"/>
      <c r="R48" s="48"/>
      <c r="S48" s="48"/>
      <c r="T48" s="48"/>
      <c r="U48" s="48"/>
    </row>
    <row r="49" spans="1:21" ht="30.75" customHeight="1" x14ac:dyDescent="0.2">
      <c r="A49" s="48"/>
      <c r="B49" s="1190"/>
      <c r="C49" s="1191"/>
      <c r="D49" s="62"/>
      <c r="E49" s="1196" t="s">
        <v>16</v>
      </c>
      <c r="F49" s="1196"/>
      <c r="G49" s="1196"/>
      <c r="H49" s="1196"/>
      <c r="I49" s="1196"/>
      <c r="J49" s="1197"/>
      <c r="K49" s="63" t="s">
        <v>527</v>
      </c>
      <c r="L49" s="64" t="s">
        <v>527</v>
      </c>
      <c r="M49" s="64" t="s">
        <v>527</v>
      </c>
      <c r="N49" s="64" t="s">
        <v>527</v>
      </c>
      <c r="O49" s="65" t="s">
        <v>527</v>
      </c>
      <c r="P49" s="48"/>
      <c r="Q49" s="48"/>
      <c r="R49" s="48"/>
      <c r="S49" s="48"/>
      <c r="T49" s="48"/>
      <c r="U49" s="48"/>
    </row>
    <row r="50" spans="1:21" ht="30.75" customHeight="1" x14ac:dyDescent="0.2">
      <c r="A50" s="48"/>
      <c r="B50" s="1190"/>
      <c r="C50" s="1191"/>
      <c r="D50" s="62"/>
      <c r="E50" s="1196" t="s">
        <v>17</v>
      </c>
      <c r="F50" s="1196"/>
      <c r="G50" s="1196"/>
      <c r="H50" s="1196"/>
      <c r="I50" s="1196"/>
      <c r="J50" s="1197"/>
      <c r="K50" s="63" t="s">
        <v>527</v>
      </c>
      <c r="L50" s="64" t="s">
        <v>527</v>
      </c>
      <c r="M50" s="64" t="s">
        <v>527</v>
      </c>
      <c r="N50" s="64" t="s">
        <v>527</v>
      </c>
      <c r="O50" s="65" t="s">
        <v>527</v>
      </c>
      <c r="P50" s="48"/>
      <c r="Q50" s="48"/>
      <c r="R50" s="48"/>
      <c r="S50" s="48"/>
      <c r="T50" s="48"/>
      <c r="U50" s="48"/>
    </row>
    <row r="51" spans="1:21" ht="30.75" customHeight="1" x14ac:dyDescent="0.2">
      <c r="A51" s="48"/>
      <c r="B51" s="1192"/>
      <c r="C51" s="1193"/>
      <c r="D51" s="66"/>
      <c r="E51" s="1196" t="s">
        <v>18</v>
      </c>
      <c r="F51" s="1196"/>
      <c r="G51" s="1196"/>
      <c r="H51" s="1196"/>
      <c r="I51" s="1196"/>
      <c r="J51" s="1197"/>
      <c r="K51" s="63" t="s">
        <v>527</v>
      </c>
      <c r="L51" s="64" t="s">
        <v>527</v>
      </c>
      <c r="M51" s="64" t="s">
        <v>527</v>
      </c>
      <c r="N51" s="64" t="s">
        <v>527</v>
      </c>
      <c r="O51" s="65" t="s">
        <v>527</v>
      </c>
      <c r="P51" s="48"/>
      <c r="Q51" s="48"/>
      <c r="R51" s="48"/>
      <c r="S51" s="48"/>
      <c r="T51" s="48"/>
      <c r="U51" s="48"/>
    </row>
    <row r="52" spans="1:21" ht="30.75" customHeight="1" x14ac:dyDescent="0.2">
      <c r="A52" s="48"/>
      <c r="B52" s="1198" t="s">
        <v>19</v>
      </c>
      <c r="C52" s="1199"/>
      <c r="D52" s="66"/>
      <c r="E52" s="1196" t="s">
        <v>20</v>
      </c>
      <c r="F52" s="1196"/>
      <c r="G52" s="1196"/>
      <c r="H52" s="1196"/>
      <c r="I52" s="1196"/>
      <c r="J52" s="1197"/>
      <c r="K52" s="63">
        <v>707</v>
      </c>
      <c r="L52" s="64">
        <v>658</v>
      </c>
      <c r="M52" s="64">
        <v>674</v>
      </c>
      <c r="N52" s="64">
        <v>675</v>
      </c>
      <c r="O52" s="65">
        <v>689</v>
      </c>
      <c r="P52" s="48"/>
      <c r="Q52" s="48"/>
      <c r="R52" s="48"/>
      <c r="S52" s="48"/>
      <c r="T52" s="48"/>
      <c r="U52" s="48"/>
    </row>
    <row r="53" spans="1:21" ht="30.75" customHeight="1" thickBot="1" x14ac:dyDescent="0.25">
      <c r="A53" s="48"/>
      <c r="B53" s="1200" t="s">
        <v>21</v>
      </c>
      <c r="C53" s="1201"/>
      <c r="D53" s="67"/>
      <c r="E53" s="1202" t="s">
        <v>22</v>
      </c>
      <c r="F53" s="1202"/>
      <c r="G53" s="1202"/>
      <c r="H53" s="1202"/>
      <c r="I53" s="1202"/>
      <c r="J53" s="1203"/>
      <c r="K53" s="68">
        <v>309</v>
      </c>
      <c r="L53" s="69">
        <v>279</v>
      </c>
      <c r="M53" s="69">
        <v>228</v>
      </c>
      <c r="N53" s="69">
        <v>263</v>
      </c>
      <c r="O53" s="70">
        <v>301</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82</v>
      </c>
      <c r="P56" s="48"/>
      <c r="Q56" s="48"/>
      <c r="R56" s="48"/>
      <c r="S56" s="48"/>
      <c r="T56" s="48"/>
      <c r="U56" s="48"/>
    </row>
    <row r="57" spans="1:21" ht="31.5" customHeight="1" thickBot="1" x14ac:dyDescent="0.3">
      <c r="A57" s="48"/>
      <c r="B57" s="76"/>
      <c r="C57" s="77"/>
      <c r="D57" s="77"/>
      <c r="E57" s="78"/>
      <c r="F57" s="78"/>
      <c r="G57" s="78"/>
      <c r="H57" s="78"/>
      <c r="I57" s="78"/>
      <c r="J57" s="79" t="s">
        <v>2</v>
      </c>
      <c r="K57" s="80" t="s">
        <v>583</v>
      </c>
      <c r="L57" s="81" t="s">
        <v>584</v>
      </c>
      <c r="M57" s="81" t="s">
        <v>585</v>
      </c>
      <c r="N57" s="81" t="s">
        <v>586</v>
      </c>
      <c r="O57" s="82" t="s">
        <v>587</v>
      </c>
      <c r="P57" s="48"/>
      <c r="Q57" s="48"/>
      <c r="R57" s="48"/>
      <c r="S57" s="48"/>
      <c r="T57" s="48"/>
      <c r="U57" s="48"/>
    </row>
    <row r="58" spans="1:21" ht="31.5" customHeight="1" x14ac:dyDescent="0.2">
      <c r="B58" s="1204" t="s">
        <v>26</v>
      </c>
      <c r="C58" s="1205"/>
      <c r="D58" s="1210" t="s">
        <v>27</v>
      </c>
      <c r="E58" s="1211"/>
      <c r="F58" s="1211"/>
      <c r="G58" s="1211"/>
      <c r="H58" s="1211"/>
      <c r="I58" s="1211"/>
      <c r="J58" s="1212"/>
      <c r="K58" s="83"/>
      <c r="L58" s="84"/>
      <c r="M58" s="84"/>
      <c r="N58" s="84"/>
      <c r="O58" s="85"/>
    </row>
    <row r="59" spans="1:21" ht="31.5" customHeight="1" x14ac:dyDescent="0.2">
      <c r="B59" s="1206"/>
      <c r="C59" s="1207"/>
      <c r="D59" s="1213" t="s">
        <v>28</v>
      </c>
      <c r="E59" s="1214"/>
      <c r="F59" s="1214"/>
      <c r="G59" s="1214"/>
      <c r="H59" s="1214"/>
      <c r="I59" s="1214"/>
      <c r="J59" s="1215"/>
      <c r="K59" s="86"/>
      <c r="L59" s="87"/>
      <c r="M59" s="87"/>
      <c r="N59" s="87"/>
      <c r="O59" s="88"/>
    </row>
    <row r="60" spans="1:21" ht="31.5" customHeight="1" thickBot="1" x14ac:dyDescent="0.25">
      <c r="B60" s="1208"/>
      <c r="C60" s="1209"/>
      <c r="D60" s="1216" t="s">
        <v>29</v>
      </c>
      <c r="E60" s="1217"/>
      <c r="F60" s="1217"/>
      <c r="G60" s="1217"/>
      <c r="H60" s="1217"/>
      <c r="I60" s="1217"/>
      <c r="J60" s="1218"/>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row r="65" ht="12.65" hidden="1" customHeight="1" x14ac:dyDescent="0.2"/>
    <row r="66" ht="12.65" hidden="1" customHeight="1" x14ac:dyDescent="0.2"/>
    <row r="67" ht="12.65" hidden="1" customHeight="1" x14ac:dyDescent="0.2"/>
    <row r="68" ht="12.65" hidden="1" customHeight="1" x14ac:dyDescent="0.2"/>
  </sheetData>
  <sheetProtection algorithmName="SHA-512" hashValue="SgIMoOie1ISaT45vaoqSqC8PTlSIpuR1cuv2yTCSuW8srv77o32lw92NucXIZAgIvTGPyhbUS1VBz13lCnXqqA==" saltValue="XAtIgVib7/EpZ/Y6KVhwvw=="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69</v>
      </c>
      <c r="J40" s="103" t="s">
        <v>570</v>
      </c>
      <c r="K40" s="103" t="s">
        <v>571</v>
      </c>
      <c r="L40" s="103" t="s">
        <v>572</v>
      </c>
      <c r="M40" s="104" t="s">
        <v>573</v>
      </c>
    </row>
    <row r="41" spans="2:13" ht="27.75" customHeight="1" x14ac:dyDescent="0.2">
      <c r="B41" s="1219" t="s">
        <v>32</v>
      </c>
      <c r="C41" s="1220"/>
      <c r="D41" s="105"/>
      <c r="E41" s="1225" t="s">
        <v>33</v>
      </c>
      <c r="F41" s="1225"/>
      <c r="G41" s="1225"/>
      <c r="H41" s="1226"/>
      <c r="I41" s="351">
        <v>7104</v>
      </c>
      <c r="J41" s="352">
        <v>7620</v>
      </c>
      <c r="K41" s="352">
        <v>7518</v>
      </c>
      <c r="L41" s="352">
        <v>7350</v>
      </c>
      <c r="M41" s="353">
        <v>6980</v>
      </c>
    </row>
    <row r="42" spans="2:13" ht="27.75" customHeight="1" x14ac:dyDescent="0.2">
      <c r="B42" s="1221"/>
      <c r="C42" s="1222"/>
      <c r="D42" s="106"/>
      <c r="E42" s="1227" t="s">
        <v>34</v>
      </c>
      <c r="F42" s="1227"/>
      <c r="G42" s="1227"/>
      <c r="H42" s="1228"/>
      <c r="I42" s="354" t="s">
        <v>527</v>
      </c>
      <c r="J42" s="355" t="s">
        <v>527</v>
      </c>
      <c r="K42" s="355" t="s">
        <v>527</v>
      </c>
      <c r="L42" s="355" t="s">
        <v>527</v>
      </c>
      <c r="M42" s="356" t="s">
        <v>527</v>
      </c>
    </row>
    <row r="43" spans="2:13" ht="27.75" customHeight="1" x14ac:dyDescent="0.2">
      <c r="B43" s="1221"/>
      <c r="C43" s="1222"/>
      <c r="D43" s="106"/>
      <c r="E43" s="1227" t="s">
        <v>35</v>
      </c>
      <c r="F43" s="1227"/>
      <c r="G43" s="1227"/>
      <c r="H43" s="1228"/>
      <c r="I43" s="354">
        <v>4125</v>
      </c>
      <c r="J43" s="355">
        <v>3688</v>
      </c>
      <c r="K43" s="355">
        <v>3355</v>
      </c>
      <c r="L43" s="355">
        <v>3330</v>
      </c>
      <c r="M43" s="356">
        <v>3487</v>
      </c>
    </row>
    <row r="44" spans="2:13" ht="27.75" customHeight="1" x14ac:dyDescent="0.2">
      <c r="B44" s="1221"/>
      <c r="C44" s="1222"/>
      <c r="D44" s="106"/>
      <c r="E44" s="1227" t="s">
        <v>36</v>
      </c>
      <c r="F44" s="1227"/>
      <c r="G44" s="1227"/>
      <c r="H44" s="1228"/>
      <c r="I44" s="354" t="s">
        <v>527</v>
      </c>
      <c r="J44" s="355" t="s">
        <v>527</v>
      </c>
      <c r="K44" s="355" t="s">
        <v>527</v>
      </c>
      <c r="L44" s="355" t="s">
        <v>527</v>
      </c>
      <c r="M44" s="356" t="s">
        <v>527</v>
      </c>
    </row>
    <row r="45" spans="2:13" ht="27.75" customHeight="1" x14ac:dyDescent="0.2">
      <c r="B45" s="1221"/>
      <c r="C45" s="1222"/>
      <c r="D45" s="106"/>
      <c r="E45" s="1227" t="s">
        <v>37</v>
      </c>
      <c r="F45" s="1227"/>
      <c r="G45" s="1227"/>
      <c r="H45" s="1228"/>
      <c r="I45" s="354">
        <v>1232</v>
      </c>
      <c r="J45" s="355">
        <v>1203</v>
      </c>
      <c r="K45" s="355">
        <v>1160</v>
      </c>
      <c r="L45" s="355">
        <v>1136</v>
      </c>
      <c r="M45" s="356">
        <v>1039</v>
      </c>
    </row>
    <row r="46" spans="2:13" ht="27.75" customHeight="1" x14ac:dyDescent="0.2">
      <c r="B46" s="1221"/>
      <c r="C46" s="1222"/>
      <c r="D46" s="107"/>
      <c r="E46" s="1227" t="s">
        <v>38</v>
      </c>
      <c r="F46" s="1227"/>
      <c r="G46" s="1227"/>
      <c r="H46" s="1228"/>
      <c r="I46" s="354" t="s">
        <v>527</v>
      </c>
      <c r="J46" s="355" t="s">
        <v>527</v>
      </c>
      <c r="K46" s="355" t="s">
        <v>527</v>
      </c>
      <c r="L46" s="355" t="s">
        <v>527</v>
      </c>
      <c r="M46" s="356" t="s">
        <v>527</v>
      </c>
    </row>
    <row r="47" spans="2:13" ht="27.75" customHeight="1" x14ac:dyDescent="0.2">
      <c r="B47" s="1221"/>
      <c r="C47" s="1222"/>
      <c r="D47" s="108"/>
      <c r="E47" s="1229" t="s">
        <v>39</v>
      </c>
      <c r="F47" s="1230"/>
      <c r="G47" s="1230"/>
      <c r="H47" s="1231"/>
      <c r="I47" s="354" t="s">
        <v>527</v>
      </c>
      <c r="J47" s="355" t="s">
        <v>527</v>
      </c>
      <c r="K47" s="355" t="s">
        <v>527</v>
      </c>
      <c r="L47" s="355" t="s">
        <v>527</v>
      </c>
      <c r="M47" s="356" t="s">
        <v>527</v>
      </c>
    </row>
    <row r="48" spans="2:13" ht="27.75" customHeight="1" x14ac:dyDescent="0.2">
      <c r="B48" s="1221"/>
      <c r="C48" s="1222"/>
      <c r="D48" s="106"/>
      <c r="E48" s="1227" t="s">
        <v>40</v>
      </c>
      <c r="F48" s="1227"/>
      <c r="G48" s="1227"/>
      <c r="H48" s="1228"/>
      <c r="I48" s="354" t="s">
        <v>527</v>
      </c>
      <c r="J48" s="355" t="s">
        <v>527</v>
      </c>
      <c r="K48" s="355" t="s">
        <v>527</v>
      </c>
      <c r="L48" s="355" t="s">
        <v>527</v>
      </c>
      <c r="M48" s="356" t="s">
        <v>527</v>
      </c>
    </row>
    <row r="49" spans="2:13" ht="27.75" customHeight="1" x14ac:dyDescent="0.2">
      <c r="B49" s="1223"/>
      <c r="C49" s="1224"/>
      <c r="D49" s="106"/>
      <c r="E49" s="1227" t="s">
        <v>41</v>
      </c>
      <c r="F49" s="1227"/>
      <c r="G49" s="1227"/>
      <c r="H49" s="1228"/>
      <c r="I49" s="354" t="s">
        <v>527</v>
      </c>
      <c r="J49" s="355" t="s">
        <v>527</v>
      </c>
      <c r="K49" s="355" t="s">
        <v>527</v>
      </c>
      <c r="L49" s="355" t="s">
        <v>527</v>
      </c>
      <c r="M49" s="356" t="s">
        <v>527</v>
      </c>
    </row>
    <row r="50" spans="2:13" ht="27.75" customHeight="1" x14ac:dyDescent="0.2">
      <c r="B50" s="1232" t="s">
        <v>42</v>
      </c>
      <c r="C50" s="1233"/>
      <c r="D50" s="109"/>
      <c r="E50" s="1227" t="s">
        <v>43</v>
      </c>
      <c r="F50" s="1227"/>
      <c r="G50" s="1227"/>
      <c r="H50" s="1228"/>
      <c r="I50" s="354">
        <v>1914</v>
      </c>
      <c r="J50" s="355">
        <v>2074</v>
      </c>
      <c r="K50" s="355">
        <v>2237</v>
      </c>
      <c r="L50" s="355">
        <v>2705</v>
      </c>
      <c r="M50" s="356">
        <v>2837</v>
      </c>
    </row>
    <row r="51" spans="2:13" ht="27.75" customHeight="1" x14ac:dyDescent="0.2">
      <c r="B51" s="1221"/>
      <c r="C51" s="1222"/>
      <c r="D51" s="106"/>
      <c r="E51" s="1227" t="s">
        <v>44</v>
      </c>
      <c r="F51" s="1227"/>
      <c r="G51" s="1227"/>
      <c r="H51" s="1228"/>
      <c r="I51" s="354" t="s">
        <v>527</v>
      </c>
      <c r="J51" s="355" t="s">
        <v>527</v>
      </c>
      <c r="K51" s="355" t="s">
        <v>527</v>
      </c>
      <c r="L51" s="355" t="s">
        <v>527</v>
      </c>
      <c r="M51" s="356" t="s">
        <v>527</v>
      </c>
    </row>
    <row r="52" spans="2:13" ht="27.75" customHeight="1" x14ac:dyDescent="0.2">
      <c r="B52" s="1223"/>
      <c r="C52" s="1224"/>
      <c r="D52" s="106"/>
      <c r="E52" s="1227" t="s">
        <v>45</v>
      </c>
      <c r="F52" s="1227"/>
      <c r="G52" s="1227"/>
      <c r="H52" s="1228"/>
      <c r="I52" s="354">
        <v>8914</v>
      </c>
      <c r="J52" s="355">
        <v>9053</v>
      </c>
      <c r="K52" s="355">
        <v>8921</v>
      </c>
      <c r="L52" s="355">
        <v>8780</v>
      </c>
      <c r="M52" s="356">
        <v>8401</v>
      </c>
    </row>
    <row r="53" spans="2:13" ht="27.75" customHeight="1" thickBot="1" x14ac:dyDescent="0.25">
      <c r="B53" s="1234" t="s">
        <v>46</v>
      </c>
      <c r="C53" s="1235"/>
      <c r="D53" s="110"/>
      <c r="E53" s="1236" t="s">
        <v>47</v>
      </c>
      <c r="F53" s="1236"/>
      <c r="G53" s="1236"/>
      <c r="H53" s="1237"/>
      <c r="I53" s="357">
        <v>1633</v>
      </c>
      <c r="J53" s="358">
        <v>1383</v>
      </c>
      <c r="K53" s="358">
        <v>875</v>
      </c>
      <c r="L53" s="358">
        <v>330</v>
      </c>
      <c r="M53" s="359">
        <v>269</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ZdTVrs3Pu+5+YiKRyir+5w5kkfv2T1aQbMFWIZdx+4T5K4KJ5v87bc7w+Hf2M4YbkqG968+NbI3UuP/iApi3mQ==" saltValue="7sHDFlqN+taRuKqDk5Tao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71"/>
  <sheetViews>
    <sheetView showGridLines="0" zoomScaleNormal="100" zoomScaleSheetLayoutView="100" workbookViewId="0"/>
  </sheetViews>
  <sheetFormatPr defaultColWidth="0" defaultRowHeight="13.5" customHeight="1" zeroHeight="1" x14ac:dyDescent="0.2"/>
  <cols>
    <col min="1" max="1" width="8.1796875" style="1" customWidth="1"/>
    <col min="2" max="2" width="16.36328125" style="1" customWidth="1"/>
    <col min="3" max="5" width="26.1796875" style="1" customWidth="1"/>
    <col min="6" max="8" width="24.179687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71</v>
      </c>
      <c r="G54" s="119" t="s">
        <v>572</v>
      </c>
      <c r="H54" s="120" t="s">
        <v>573</v>
      </c>
    </row>
    <row r="55" spans="2:8" ht="52.5" customHeight="1" x14ac:dyDescent="0.2">
      <c r="B55" s="121"/>
      <c r="C55" s="1246" t="s">
        <v>50</v>
      </c>
      <c r="D55" s="1246"/>
      <c r="E55" s="1247"/>
      <c r="F55" s="122">
        <v>834</v>
      </c>
      <c r="G55" s="122">
        <v>942</v>
      </c>
      <c r="H55" s="123">
        <v>983</v>
      </c>
    </row>
    <row r="56" spans="2:8" ht="52.5" customHeight="1" x14ac:dyDescent="0.2">
      <c r="B56" s="124"/>
      <c r="C56" s="1248" t="s">
        <v>51</v>
      </c>
      <c r="D56" s="1248"/>
      <c r="E56" s="1249"/>
      <c r="F56" s="125" t="s">
        <v>527</v>
      </c>
      <c r="G56" s="125" t="s">
        <v>527</v>
      </c>
      <c r="H56" s="126" t="s">
        <v>527</v>
      </c>
    </row>
    <row r="57" spans="2:8" ht="53.25" customHeight="1" x14ac:dyDescent="0.2">
      <c r="B57" s="124"/>
      <c r="C57" s="1250" t="s">
        <v>52</v>
      </c>
      <c r="D57" s="1250"/>
      <c r="E57" s="1251"/>
      <c r="F57" s="127">
        <v>979</v>
      </c>
      <c r="G57" s="127">
        <v>1353</v>
      </c>
      <c r="H57" s="128">
        <v>1441</v>
      </c>
    </row>
    <row r="58" spans="2:8" ht="45.75" customHeight="1" x14ac:dyDescent="0.2">
      <c r="B58" s="129"/>
      <c r="C58" s="1238" t="s">
        <v>595</v>
      </c>
      <c r="D58" s="1239"/>
      <c r="E58" s="1240"/>
      <c r="F58" s="360">
        <v>470</v>
      </c>
      <c r="G58" s="360">
        <v>662</v>
      </c>
      <c r="H58" s="361">
        <v>663</v>
      </c>
    </row>
    <row r="59" spans="2:8" ht="45.75" customHeight="1" x14ac:dyDescent="0.2">
      <c r="B59" s="129"/>
      <c r="C59" s="1238" t="s">
        <v>596</v>
      </c>
      <c r="D59" s="1239"/>
      <c r="E59" s="1240"/>
      <c r="F59" s="360">
        <v>320</v>
      </c>
      <c r="G59" s="360">
        <v>490</v>
      </c>
      <c r="H59" s="361">
        <v>580</v>
      </c>
    </row>
    <row r="60" spans="2:8" ht="45.75" customHeight="1" x14ac:dyDescent="0.2">
      <c r="B60" s="129"/>
      <c r="C60" s="1238" t="s">
        <v>597</v>
      </c>
      <c r="D60" s="1239"/>
      <c r="E60" s="1240"/>
      <c r="F60" s="360">
        <v>81</v>
      </c>
      <c r="G60" s="360">
        <v>93</v>
      </c>
      <c r="H60" s="361">
        <v>94</v>
      </c>
    </row>
    <row r="61" spans="2:8" ht="45.75" customHeight="1" x14ac:dyDescent="0.2">
      <c r="B61" s="129"/>
      <c r="C61" s="1238" t="s">
        <v>598</v>
      </c>
      <c r="D61" s="1239"/>
      <c r="E61" s="1240"/>
      <c r="F61" s="360">
        <v>80</v>
      </c>
      <c r="G61" s="360">
        <v>81</v>
      </c>
      <c r="H61" s="361">
        <v>79</v>
      </c>
    </row>
    <row r="62" spans="2:8" ht="45.75" customHeight="1" thickBot="1" x14ac:dyDescent="0.25">
      <c r="B62" s="130"/>
      <c r="C62" s="1241" t="s">
        <v>599</v>
      </c>
      <c r="D62" s="1242"/>
      <c r="E62" s="1243"/>
      <c r="F62" s="362">
        <v>14</v>
      </c>
      <c r="G62" s="362">
        <v>14</v>
      </c>
      <c r="H62" s="363">
        <v>14</v>
      </c>
    </row>
    <row r="63" spans="2:8" ht="52.5" customHeight="1" thickBot="1" x14ac:dyDescent="0.25">
      <c r="B63" s="131"/>
      <c r="C63" s="1244" t="s">
        <v>53</v>
      </c>
      <c r="D63" s="1244"/>
      <c r="E63" s="1245"/>
      <c r="F63" s="132">
        <v>1813</v>
      </c>
      <c r="G63" s="132">
        <v>2295</v>
      </c>
      <c r="H63" s="133">
        <v>2425</v>
      </c>
    </row>
    <row r="64" spans="2:8" ht="13" x14ac:dyDescent="0.2"/>
    <row r="65" ht="13.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sheetData>
  <sheetProtection algorithmName="SHA-512" hashValue="bzP4cV91Ot7f8bEtjx8Z9bDt3EkBvVkjikpjSU0qrPKDt5p3MYb8/5S3qE23arlofFuNt0VZx5eI12ANHXKe7g==" saltValue="ayG0QxX76a8PEPIgzajVd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5"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5"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5"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5"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5"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5"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5"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5"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5"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5"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5"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5"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5"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5"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5"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600</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601</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52" t="s">
        <v>602</v>
      </c>
      <c r="AO43" s="1253"/>
      <c r="AP43" s="1253"/>
      <c r="AQ43" s="1253"/>
      <c r="AR43" s="1253"/>
      <c r="AS43" s="1253"/>
      <c r="AT43" s="1253"/>
      <c r="AU43" s="1253"/>
      <c r="AV43" s="1253"/>
      <c r="AW43" s="1253"/>
      <c r="AX43" s="1253"/>
      <c r="AY43" s="1253"/>
      <c r="AZ43" s="1253"/>
      <c r="BA43" s="1253"/>
      <c r="BB43" s="1253"/>
      <c r="BC43" s="1253"/>
      <c r="BD43" s="1253"/>
      <c r="BE43" s="1253"/>
      <c r="BF43" s="1253"/>
      <c r="BG43" s="1253"/>
      <c r="BH43" s="1253"/>
      <c r="BI43" s="1253"/>
      <c r="BJ43" s="1253"/>
      <c r="BK43" s="1253"/>
      <c r="BL43" s="1253"/>
      <c r="BM43" s="1253"/>
      <c r="BN43" s="1253"/>
      <c r="BO43" s="1253"/>
      <c r="BP43" s="1253"/>
      <c r="BQ43" s="1253"/>
      <c r="BR43" s="1253"/>
      <c r="BS43" s="1253"/>
      <c r="BT43" s="1253"/>
      <c r="BU43" s="1253"/>
      <c r="BV43" s="1253"/>
      <c r="BW43" s="1253"/>
      <c r="BX43" s="1253"/>
      <c r="BY43" s="1253"/>
      <c r="BZ43" s="1253"/>
      <c r="CA43" s="1253"/>
      <c r="CB43" s="1253"/>
      <c r="CC43" s="1253"/>
      <c r="CD43" s="1253"/>
      <c r="CE43" s="1253"/>
      <c r="CF43" s="1253"/>
      <c r="CG43" s="1253"/>
      <c r="CH43" s="1253"/>
      <c r="CI43" s="1253"/>
      <c r="CJ43" s="1253"/>
      <c r="CK43" s="1253"/>
      <c r="CL43" s="1253"/>
      <c r="CM43" s="1253"/>
      <c r="CN43" s="1253"/>
      <c r="CO43" s="1253"/>
      <c r="CP43" s="1253"/>
      <c r="CQ43" s="1253"/>
      <c r="CR43" s="1253"/>
      <c r="CS43" s="1253"/>
      <c r="CT43" s="1253"/>
      <c r="CU43" s="1253"/>
      <c r="CV43" s="1253"/>
      <c r="CW43" s="1253"/>
      <c r="CX43" s="1253"/>
      <c r="CY43" s="1253"/>
      <c r="CZ43" s="1253"/>
      <c r="DA43" s="1253"/>
      <c r="DB43" s="1253"/>
      <c r="DC43" s="1254"/>
    </row>
    <row r="44" spans="2:109" ht="13" x14ac:dyDescent="0.2">
      <c r="B44" s="372"/>
      <c r="AN44" s="1255"/>
      <c r="AO44" s="1256"/>
      <c r="AP44" s="1256"/>
      <c r="AQ44" s="1256"/>
      <c r="AR44" s="1256"/>
      <c r="AS44" s="1256"/>
      <c r="AT44" s="1256"/>
      <c r="AU44" s="1256"/>
      <c r="AV44" s="1256"/>
      <c r="AW44" s="1256"/>
      <c r="AX44" s="1256"/>
      <c r="AY44" s="1256"/>
      <c r="AZ44" s="1256"/>
      <c r="BA44" s="1256"/>
      <c r="BB44" s="1256"/>
      <c r="BC44" s="1256"/>
      <c r="BD44" s="1256"/>
      <c r="BE44" s="1256"/>
      <c r="BF44" s="1256"/>
      <c r="BG44" s="1256"/>
      <c r="BH44" s="1256"/>
      <c r="BI44" s="1256"/>
      <c r="BJ44" s="1256"/>
      <c r="BK44" s="1256"/>
      <c r="BL44" s="1256"/>
      <c r="BM44" s="1256"/>
      <c r="BN44" s="1256"/>
      <c r="BO44" s="1256"/>
      <c r="BP44" s="1256"/>
      <c r="BQ44" s="1256"/>
      <c r="BR44" s="1256"/>
      <c r="BS44" s="1256"/>
      <c r="BT44" s="1256"/>
      <c r="BU44" s="1256"/>
      <c r="BV44" s="1256"/>
      <c r="BW44" s="1256"/>
      <c r="BX44" s="1256"/>
      <c r="BY44" s="1256"/>
      <c r="BZ44" s="1256"/>
      <c r="CA44" s="1256"/>
      <c r="CB44" s="1256"/>
      <c r="CC44" s="1256"/>
      <c r="CD44" s="1256"/>
      <c r="CE44" s="1256"/>
      <c r="CF44" s="1256"/>
      <c r="CG44" s="1256"/>
      <c r="CH44" s="1256"/>
      <c r="CI44" s="1256"/>
      <c r="CJ44" s="1256"/>
      <c r="CK44" s="1256"/>
      <c r="CL44" s="1256"/>
      <c r="CM44" s="1256"/>
      <c r="CN44" s="1256"/>
      <c r="CO44" s="1256"/>
      <c r="CP44" s="1256"/>
      <c r="CQ44" s="1256"/>
      <c r="CR44" s="1256"/>
      <c r="CS44" s="1256"/>
      <c r="CT44" s="1256"/>
      <c r="CU44" s="1256"/>
      <c r="CV44" s="1256"/>
      <c r="CW44" s="1256"/>
      <c r="CX44" s="1256"/>
      <c r="CY44" s="1256"/>
      <c r="CZ44" s="1256"/>
      <c r="DA44" s="1256"/>
      <c r="DB44" s="1256"/>
      <c r="DC44" s="1257"/>
    </row>
    <row r="45" spans="2:109" ht="13" x14ac:dyDescent="0.2">
      <c r="B45" s="372"/>
      <c r="AN45" s="1255"/>
      <c r="AO45" s="1256"/>
      <c r="AP45" s="1256"/>
      <c r="AQ45" s="1256"/>
      <c r="AR45" s="1256"/>
      <c r="AS45" s="1256"/>
      <c r="AT45" s="1256"/>
      <c r="AU45" s="1256"/>
      <c r="AV45" s="1256"/>
      <c r="AW45" s="1256"/>
      <c r="AX45" s="1256"/>
      <c r="AY45" s="1256"/>
      <c r="AZ45" s="1256"/>
      <c r="BA45" s="1256"/>
      <c r="BB45" s="1256"/>
      <c r="BC45" s="1256"/>
      <c r="BD45" s="1256"/>
      <c r="BE45" s="1256"/>
      <c r="BF45" s="1256"/>
      <c r="BG45" s="1256"/>
      <c r="BH45" s="1256"/>
      <c r="BI45" s="1256"/>
      <c r="BJ45" s="1256"/>
      <c r="BK45" s="1256"/>
      <c r="BL45" s="1256"/>
      <c r="BM45" s="1256"/>
      <c r="BN45" s="1256"/>
      <c r="BO45" s="1256"/>
      <c r="BP45" s="1256"/>
      <c r="BQ45" s="1256"/>
      <c r="BR45" s="1256"/>
      <c r="BS45" s="1256"/>
      <c r="BT45" s="1256"/>
      <c r="BU45" s="1256"/>
      <c r="BV45" s="1256"/>
      <c r="BW45" s="1256"/>
      <c r="BX45" s="1256"/>
      <c r="BY45" s="1256"/>
      <c r="BZ45" s="1256"/>
      <c r="CA45" s="1256"/>
      <c r="CB45" s="1256"/>
      <c r="CC45" s="1256"/>
      <c r="CD45" s="1256"/>
      <c r="CE45" s="1256"/>
      <c r="CF45" s="1256"/>
      <c r="CG45" s="1256"/>
      <c r="CH45" s="1256"/>
      <c r="CI45" s="1256"/>
      <c r="CJ45" s="1256"/>
      <c r="CK45" s="1256"/>
      <c r="CL45" s="1256"/>
      <c r="CM45" s="1256"/>
      <c r="CN45" s="1256"/>
      <c r="CO45" s="1256"/>
      <c r="CP45" s="1256"/>
      <c r="CQ45" s="1256"/>
      <c r="CR45" s="1256"/>
      <c r="CS45" s="1256"/>
      <c r="CT45" s="1256"/>
      <c r="CU45" s="1256"/>
      <c r="CV45" s="1256"/>
      <c r="CW45" s="1256"/>
      <c r="CX45" s="1256"/>
      <c r="CY45" s="1256"/>
      <c r="CZ45" s="1256"/>
      <c r="DA45" s="1256"/>
      <c r="DB45" s="1256"/>
      <c r="DC45" s="1257"/>
    </row>
    <row r="46" spans="2:109" ht="13" x14ac:dyDescent="0.2">
      <c r="B46" s="372"/>
      <c r="AN46" s="1255"/>
      <c r="AO46" s="1256"/>
      <c r="AP46" s="1256"/>
      <c r="AQ46" s="1256"/>
      <c r="AR46" s="1256"/>
      <c r="AS46" s="1256"/>
      <c r="AT46" s="1256"/>
      <c r="AU46" s="1256"/>
      <c r="AV46" s="1256"/>
      <c r="AW46" s="1256"/>
      <c r="AX46" s="1256"/>
      <c r="AY46" s="1256"/>
      <c r="AZ46" s="1256"/>
      <c r="BA46" s="1256"/>
      <c r="BB46" s="1256"/>
      <c r="BC46" s="1256"/>
      <c r="BD46" s="1256"/>
      <c r="BE46" s="1256"/>
      <c r="BF46" s="1256"/>
      <c r="BG46" s="1256"/>
      <c r="BH46" s="1256"/>
      <c r="BI46" s="1256"/>
      <c r="BJ46" s="1256"/>
      <c r="BK46" s="1256"/>
      <c r="BL46" s="1256"/>
      <c r="BM46" s="1256"/>
      <c r="BN46" s="1256"/>
      <c r="BO46" s="1256"/>
      <c r="BP46" s="1256"/>
      <c r="BQ46" s="1256"/>
      <c r="BR46" s="1256"/>
      <c r="BS46" s="1256"/>
      <c r="BT46" s="1256"/>
      <c r="BU46" s="1256"/>
      <c r="BV46" s="1256"/>
      <c r="BW46" s="1256"/>
      <c r="BX46" s="1256"/>
      <c r="BY46" s="1256"/>
      <c r="BZ46" s="1256"/>
      <c r="CA46" s="1256"/>
      <c r="CB46" s="1256"/>
      <c r="CC46" s="1256"/>
      <c r="CD46" s="1256"/>
      <c r="CE46" s="1256"/>
      <c r="CF46" s="1256"/>
      <c r="CG46" s="1256"/>
      <c r="CH46" s="1256"/>
      <c r="CI46" s="1256"/>
      <c r="CJ46" s="1256"/>
      <c r="CK46" s="1256"/>
      <c r="CL46" s="1256"/>
      <c r="CM46" s="1256"/>
      <c r="CN46" s="1256"/>
      <c r="CO46" s="1256"/>
      <c r="CP46" s="1256"/>
      <c r="CQ46" s="1256"/>
      <c r="CR46" s="1256"/>
      <c r="CS46" s="1256"/>
      <c r="CT46" s="1256"/>
      <c r="CU46" s="1256"/>
      <c r="CV46" s="1256"/>
      <c r="CW46" s="1256"/>
      <c r="CX46" s="1256"/>
      <c r="CY46" s="1256"/>
      <c r="CZ46" s="1256"/>
      <c r="DA46" s="1256"/>
      <c r="DB46" s="1256"/>
      <c r="DC46" s="1257"/>
    </row>
    <row r="47" spans="2:109" ht="13" x14ac:dyDescent="0.2">
      <c r="B47" s="372"/>
      <c r="AN47" s="1258"/>
      <c r="AO47" s="1259"/>
      <c r="AP47" s="1259"/>
      <c r="AQ47" s="1259"/>
      <c r="AR47" s="1259"/>
      <c r="AS47" s="1259"/>
      <c r="AT47" s="1259"/>
      <c r="AU47" s="1259"/>
      <c r="AV47" s="1259"/>
      <c r="AW47" s="1259"/>
      <c r="AX47" s="1259"/>
      <c r="AY47" s="1259"/>
      <c r="AZ47" s="1259"/>
      <c r="BA47" s="1259"/>
      <c r="BB47" s="1259"/>
      <c r="BC47" s="1259"/>
      <c r="BD47" s="1259"/>
      <c r="BE47" s="1259"/>
      <c r="BF47" s="1259"/>
      <c r="BG47" s="1259"/>
      <c r="BH47" s="1259"/>
      <c r="BI47" s="1259"/>
      <c r="BJ47" s="1259"/>
      <c r="BK47" s="1259"/>
      <c r="BL47" s="1259"/>
      <c r="BM47" s="1259"/>
      <c r="BN47" s="1259"/>
      <c r="BO47" s="1259"/>
      <c r="BP47" s="1259"/>
      <c r="BQ47" s="1259"/>
      <c r="BR47" s="1259"/>
      <c r="BS47" s="1259"/>
      <c r="BT47" s="1259"/>
      <c r="BU47" s="1259"/>
      <c r="BV47" s="1259"/>
      <c r="BW47" s="1259"/>
      <c r="BX47" s="1259"/>
      <c r="BY47" s="1259"/>
      <c r="BZ47" s="1259"/>
      <c r="CA47" s="1259"/>
      <c r="CB47" s="1259"/>
      <c r="CC47" s="1259"/>
      <c r="CD47" s="1259"/>
      <c r="CE47" s="1259"/>
      <c r="CF47" s="1259"/>
      <c r="CG47" s="1259"/>
      <c r="CH47" s="1259"/>
      <c r="CI47" s="1259"/>
      <c r="CJ47" s="1259"/>
      <c r="CK47" s="1259"/>
      <c r="CL47" s="1259"/>
      <c r="CM47" s="1259"/>
      <c r="CN47" s="1259"/>
      <c r="CO47" s="1259"/>
      <c r="CP47" s="1259"/>
      <c r="CQ47" s="1259"/>
      <c r="CR47" s="1259"/>
      <c r="CS47" s="1259"/>
      <c r="CT47" s="1259"/>
      <c r="CU47" s="1259"/>
      <c r="CV47" s="1259"/>
      <c r="CW47" s="1259"/>
      <c r="CX47" s="1259"/>
      <c r="CY47" s="1259"/>
      <c r="CZ47" s="1259"/>
      <c r="DA47" s="1259"/>
      <c r="DB47" s="1259"/>
      <c r="DC47" s="1260"/>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603</v>
      </c>
    </row>
    <row r="50" spans="1:109" ht="13" x14ac:dyDescent="0.2">
      <c r="B50" s="372"/>
      <c r="G50" s="1261"/>
      <c r="H50" s="1261"/>
      <c r="I50" s="1261"/>
      <c r="J50" s="1261"/>
      <c r="K50" s="382"/>
      <c r="L50" s="382"/>
      <c r="M50" s="383"/>
      <c r="N50" s="383"/>
      <c r="AN50" s="1262"/>
      <c r="AO50" s="1263"/>
      <c r="AP50" s="1263"/>
      <c r="AQ50" s="1263"/>
      <c r="AR50" s="1263"/>
      <c r="AS50" s="1263"/>
      <c r="AT50" s="1263"/>
      <c r="AU50" s="1263"/>
      <c r="AV50" s="1263"/>
      <c r="AW50" s="1263"/>
      <c r="AX50" s="1263"/>
      <c r="AY50" s="1263"/>
      <c r="AZ50" s="1263"/>
      <c r="BA50" s="1263"/>
      <c r="BB50" s="1263"/>
      <c r="BC50" s="1263"/>
      <c r="BD50" s="1263"/>
      <c r="BE50" s="1263"/>
      <c r="BF50" s="1263"/>
      <c r="BG50" s="1263"/>
      <c r="BH50" s="1263"/>
      <c r="BI50" s="1263"/>
      <c r="BJ50" s="1263"/>
      <c r="BK50" s="1263"/>
      <c r="BL50" s="1263"/>
      <c r="BM50" s="1263"/>
      <c r="BN50" s="1263"/>
      <c r="BO50" s="1264"/>
      <c r="BP50" s="1265" t="s">
        <v>569</v>
      </c>
      <c r="BQ50" s="1265"/>
      <c r="BR50" s="1265"/>
      <c r="BS50" s="1265"/>
      <c r="BT50" s="1265"/>
      <c r="BU50" s="1265"/>
      <c r="BV50" s="1265"/>
      <c r="BW50" s="1265"/>
      <c r="BX50" s="1265" t="s">
        <v>570</v>
      </c>
      <c r="BY50" s="1265"/>
      <c r="BZ50" s="1265"/>
      <c r="CA50" s="1265"/>
      <c r="CB50" s="1265"/>
      <c r="CC50" s="1265"/>
      <c r="CD50" s="1265"/>
      <c r="CE50" s="1265"/>
      <c r="CF50" s="1265" t="s">
        <v>571</v>
      </c>
      <c r="CG50" s="1265"/>
      <c r="CH50" s="1265"/>
      <c r="CI50" s="1265"/>
      <c r="CJ50" s="1265"/>
      <c r="CK50" s="1265"/>
      <c r="CL50" s="1265"/>
      <c r="CM50" s="1265"/>
      <c r="CN50" s="1265" t="s">
        <v>572</v>
      </c>
      <c r="CO50" s="1265"/>
      <c r="CP50" s="1265"/>
      <c r="CQ50" s="1265"/>
      <c r="CR50" s="1265"/>
      <c r="CS50" s="1265"/>
      <c r="CT50" s="1265"/>
      <c r="CU50" s="1265"/>
      <c r="CV50" s="1265" t="s">
        <v>573</v>
      </c>
      <c r="CW50" s="1265"/>
      <c r="CX50" s="1265"/>
      <c r="CY50" s="1265"/>
      <c r="CZ50" s="1265"/>
      <c r="DA50" s="1265"/>
      <c r="DB50" s="1265"/>
      <c r="DC50" s="1265"/>
    </row>
    <row r="51" spans="1:109" ht="13.5" customHeight="1" x14ac:dyDescent="0.2">
      <c r="B51" s="372"/>
      <c r="G51" s="1271"/>
      <c r="H51" s="1271"/>
      <c r="I51" s="1269"/>
      <c r="J51" s="1269"/>
      <c r="K51" s="1267"/>
      <c r="L51" s="1267"/>
      <c r="M51" s="1267"/>
      <c r="N51" s="1267"/>
      <c r="AM51" s="381"/>
      <c r="AN51" s="1268" t="s">
        <v>604</v>
      </c>
      <c r="AO51" s="1268"/>
      <c r="AP51" s="1268"/>
      <c r="AQ51" s="1268"/>
      <c r="AR51" s="1268"/>
      <c r="AS51" s="1268"/>
      <c r="AT51" s="1268"/>
      <c r="AU51" s="1268"/>
      <c r="AV51" s="1268"/>
      <c r="AW51" s="1268"/>
      <c r="AX51" s="1268"/>
      <c r="AY51" s="1268"/>
      <c r="AZ51" s="1268"/>
      <c r="BA51" s="1268"/>
      <c r="BB51" s="1268" t="s">
        <v>605</v>
      </c>
      <c r="BC51" s="1268"/>
      <c r="BD51" s="1268"/>
      <c r="BE51" s="1268"/>
      <c r="BF51" s="1268"/>
      <c r="BG51" s="1268"/>
      <c r="BH51" s="1268"/>
      <c r="BI51" s="1268"/>
      <c r="BJ51" s="1268"/>
      <c r="BK51" s="1268"/>
      <c r="BL51" s="1268"/>
      <c r="BM51" s="1268"/>
      <c r="BN51" s="1268"/>
      <c r="BO51" s="1268"/>
      <c r="BP51" s="1266">
        <v>32.4</v>
      </c>
      <c r="BQ51" s="1266"/>
      <c r="BR51" s="1266"/>
      <c r="BS51" s="1266"/>
      <c r="BT51" s="1266"/>
      <c r="BU51" s="1266"/>
      <c r="BV51" s="1266"/>
      <c r="BW51" s="1266"/>
      <c r="BX51" s="1266">
        <v>27.1</v>
      </c>
      <c r="BY51" s="1266"/>
      <c r="BZ51" s="1266"/>
      <c r="CA51" s="1266"/>
      <c r="CB51" s="1266"/>
      <c r="CC51" s="1266"/>
      <c r="CD51" s="1266"/>
      <c r="CE51" s="1266"/>
      <c r="CF51" s="1266">
        <v>16.600000000000001</v>
      </c>
      <c r="CG51" s="1266"/>
      <c r="CH51" s="1266"/>
      <c r="CI51" s="1266"/>
      <c r="CJ51" s="1266"/>
      <c r="CK51" s="1266"/>
      <c r="CL51" s="1266"/>
      <c r="CM51" s="1266"/>
      <c r="CN51" s="1266">
        <v>5.8</v>
      </c>
      <c r="CO51" s="1266"/>
      <c r="CP51" s="1266"/>
      <c r="CQ51" s="1266"/>
      <c r="CR51" s="1266"/>
      <c r="CS51" s="1266"/>
      <c r="CT51" s="1266"/>
      <c r="CU51" s="1266"/>
      <c r="CV51" s="1266">
        <v>4.9000000000000004</v>
      </c>
      <c r="CW51" s="1266"/>
      <c r="CX51" s="1266"/>
      <c r="CY51" s="1266"/>
      <c r="CZ51" s="1266"/>
      <c r="DA51" s="1266"/>
      <c r="DB51" s="1266"/>
      <c r="DC51" s="1266"/>
    </row>
    <row r="52" spans="1:109" ht="13" x14ac:dyDescent="0.2">
      <c r="B52" s="372"/>
      <c r="G52" s="1271"/>
      <c r="H52" s="1271"/>
      <c r="I52" s="1269"/>
      <c r="J52" s="1269"/>
      <c r="K52" s="1267"/>
      <c r="L52" s="1267"/>
      <c r="M52" s="1267"/>
      <c r="N52" s="1267"/>
      <c r="AM52" s="381"/>
      <c r="AN52" s="1268"/>
      <c r="AO52" s="1268"/>
      <c r="AP52" s="1268"/>
      <c r="AQ52" s="1268"/>
      <c r="AR52" s="1268"/>
      <c r="AS52" s="1268"/>
      <c r="AT52" s="1268"/>
      <c r="AU52" s="1268"/>
      <c r="AV52" s="1268"/>
      <c r="AW52" s="1268"/>
      <c r="AX52" s="1268"/>
      <c r="AY52" s="1268"/>
      <c r="AZ52" s="1268"/>
      <c r="BA52" s="1268"/>
      <c r="BB52" s="1268"/>
      <c r="BC52" s="1268"/>
      <c r="BD52" s="1268"/>
      <c r="BE52" s="1268"/>
      <c r="BF52" s="1268"/>
      <c r="BG52" s="1268"/>
      <c r="BH52" s="1268"/>
      <c r="BI52" s="1268"/>
      <c r="BJ52" s="1268"/>
      <c r="BK52" s="1268"/>
      <c r="BL52" s="1268"/>
      <c r="BM52" s="1268"/>
      <c r="BN52" s="1268"/>
      <c r="BO52" s="1268"/>
      <c r="BP52" s="1266"/>
      <c r="BQ52" s="1266"/>
      <c r="BR52" s="1266"/>
      <c r="BS52" s="1266"/>
      <c r="BT52" s="1266"/>
      <c r="BU52" s="1266"/>
      <c r="BV52" s="1266"/>
      <c r="BW52" s="1266"/>
      <c r="BX52" s="1266"/>
      <c r="BY52" s="1266"/>
      <c r="BZ52" s="1266"/>
      <c r="CA52" s="1266"/>
      <c r="CB52" s="1266"/>
      <c r="CC52" s="1266"/>
      <c r="CD52" s="1266"/>
      <c r="CE52" s="1266"/>
      <c r="CF52" s="1266"/>
      <c r="CG52" s="1266"/>
      <c r="CH52" s="1266"/>
      <c r="CI52" s="1266"/>
      <c r="CJ52" s="1266"/>
      <c r="CK52" s="1266"/>
      <c r="CL52" s="1266"/>
      <c r="CM52" s="1266"/>
      <c r="CN52" s="1266"/>
      <c r="CO52" s="1266"/>
      <c r="CP52" s="1266"/>
      <c r="CQ52" s="1266"/>
      <c r="CR52" s="1266"/>
      <c r="CS52" s="1266"/>
      <c r="CT52" s="1266"/>
      <c r="CU52" s="1266"/>
      <c r="CV52" s="1266"/>
      <c r="CW52" s="1266"/>
      <c r="CX52" s="1266"/>
      <c r="CY52" s="1266"/>
      <c r="CZ52" s="1266"/>
      <c r="DA52" s="1266"/>
      <c r="DB52" s="1266"/>
      <c r="DC52" s="1266"/>
    </row>
    <row r="53" spans="1:109" ht="13" x14ac:dyDescent="0.2">
      <c r="A53" s="380"/>
      <c r="B53" s="372"/>
      <c r="G53" s="1271"/>
      <c r="H53" s="1271"/>
      <c r="I53" s="1261"/>
      <c r="J53" s="1261"/>
      <c r="K53" s="1267"/>
      <c r="L53" s="1267"/>
      <c r="M53" s="1267"/>
      <c r="N53" s="1267"/>
      <c r="AM53" s="381"/>
      <c r="AN53" s="1268"/>
      <c r="AO53" s="1268"/>
      <c r="AP53" s="1268"/>
      <c r="AQ53" s="1268"/>
      <c r="AR53" s="1268"/>
      <c r="AS53" s="1268"/>
      <c r="AT53" s="1268"/>
      <c r="AU53" s="1268"/>
      <c r="AV53" s="1268"/>
      <c r="AW53" s="1268"/>
      <c r="AX53" s="1268"/>
      <c r="AY53" s="1268"/>
      <c r="AZ53" s="1268"/>
      <c r="BA53" s="1268"/>
      <c r="BB53" s="1268" t="s">
        <v>606</v>
      </c>
      <c r="BC53" s="1268"/>
      <c r="BD53" s="1268"/>
      <c r="BE53" s="1268"/>
      <c r="BF53" s="1268"/>
      <c r="BG53" s="1268"/>
      <c r="BH53" s="1268"/>
      <c r="BI53" s="1268"/>
      <c r="BJ53" s="1268"/>
      <c r="BK53" s="1268"/>
      <c r="BL53" s="1268"/>
      <c r="BM53" s="1268"/>
      <c r="BN53" s="1268"/>
      <c r="BO53" s="1268"/>
      <c r="BP53" s="1266">
        <v>81.099999999999994</v>
      </c>
      <c r="BQ53" s="1266"/>
      <c r="BR53" s="1266"/>
      <c r="BS53" s="1266"/>
      <c r="BT53" s="1266"/>
      <c r="BU53" s="1266"/>
      <c r="BV53" s="1266"/>
      <c r="BW53" s="1266"/>
      <c r="BX53" s="1266">
        <v>80.7</v>
      </c>
      <c r="BY53" s="1266"/>
      <c r="BZ53" s="1266"/>
      <c r="CA53" s="1266"/>
      <c r="CB53" s="1266"/>
      <c r="CC53" s="1266"/>
      <c r="CD53" s="1266"/>
      <c r="CE53" s="1266"/>
      <c r="CF53" s="1266">
        <v>81.599999999999994</v>
      </c>
      <c r="CG53" s="1266"/>
      <c r="CH53" s="1266"/>
      <c r="CI53" s="1266"/>
      <c r="CJ53" s="1266"/>
      <c r="CK53" s="1266"/>
      <c r="CL53" s="1266"/>
      <c r="CM53" s="1266"/>
      <c r="CN53" s="1266">
        <v>76.5</v>
      </c>
      <c r="CO53" s="1266"/>
      <c r="CP53" s="1266"/>
      <c r="CQ53" s="1266"/>
      <c r="CR53" s="1266"/>
      <c r="CS53" s="1266"/>
      <c r="CT53" s="1266"/>
      <c r="CU53" s="1266"/>
      <c r="CV53" s="1266">
        <v>77.599999999999994</v>
      </c>
      <c r="CW53" s="1266"/>
      <c r="CX53" s="1266"/>
      <c r="CY53" s="1266"/>
      <c r="CZ53" s="1266"/>
      <c r="DA53" s="1266"/>
      <c r="DB53" s="1266"/>
      <c r="DC53" s="1266"/>
    </row>
    <row r="54" spans="1:109" ht="13" x14ac:dyDescent="0.2">
      <c r="A54" s="380"/>
      <c r="B54" s="372"/>
      <c r="G54" s="1271"/>
      <c r="H54" s="1271"/>
      <c r="I54" s="1261"/>
      <c r="J54" s="1261"/>
      <c r="K54" s="1267"/>
      <c r="L54" s="1267"/>
      <c r="M54" s="1267"/>
      <c r="N54" s="1267"/>
      <c r="AM54" s="381"/>
      <c r="AN54" s="1268"/>
      <c r="AO54" s="1268"/>
      <c r="AP54" s="1268"/>
      <c r="AQ54" s="1268"/>
      <c r="AR54" s="1268"/>
      <c r="AS54" s="1268"/>
      <c r="AT54" s="1268"/>
      <c r="AU54" s="1268"/>
      <c r="AV54" s="1268"/>
      <c r="AW54" s="1268"/>
      <c r="AX54" s="1268"/>
      <c r="AY54" s="1268"/>
      <c r="AZ54" s="1268"/>
      <c r="BA54" s="1268"/>
      <c r="BB54" s="1268"/>
      <c r="BC54" s="1268"/>
      <c r="BD54" s="1268"/>
      <c r="BE54" s="1268"/>
      <c r="BF54" s="1268"/>
      <c r="BG54" s="1268"/>
      <c r="BH54" s="1268"/>
      <c r="BI54" s="1268"/>
      <c r="BJ54" s="1268"/>
      <c r="BK54" s="1268"/>
      <c r="BL54" s="1268"/>
      <c r="BM54" s="1268"/>
      <c r="BN54" s="1268"/>
      <c r="BO54" s="1268"/>
      <c r="BP54" s="1266"/>
      <c r="BQ54" s="1266"/>
      <c r="BR54" s="1266"/>
      <c r="BS54" s="1266"/>
      <c r="BT54" s="1266"/>
      <c r="BU54" s="1266"/>
      <c r="BV54" s="1266"/>
      <c r="BW54" s="1266"/>
      <c r="BX54" s="1266"/>
      <c r="BY54" s="1266"/>
      <c r="BZ54" s="1266"/>
      <c r="CA54" s="1266"/>
      <c r="CB54" s="1266"/>
      <c r="CC54" s="1266"/>
      <c r="CD54" s="1266"/>
      <c r="CE54" s="1266"/>
      <c r="CF54" s="1266"/>
      <c r="CG54" s="1266"/>
      <c r="CH54" s="1266"/>
      <c r="CI54" s="1266"/>
      <c r="CJ54" s="1266"/>
      <c r="CK54" s="1266"/>
      <c r="CL54" s="1266"/>
      <c r="CM54" s="1266"/>
      <c r="CN54" s="1266"/>
      <c r="CO54" s="1266"/>
      <c r="CP54" s="1266"/>
      <c r="CQ54" s="1266"/>
      <c r="CR54" s="1266"/>
      <c r="CS54" s="1266"/>
      <c r="CT54" s="1266"/>
      <c r="CU54" s="1266"/>
      <c r="CV54" s="1266"/>
      <c r="CW54" s="1266"/>
      <c r="CX54" s="1266"/>
      <c r="CY54" s="1266"/>
      <c r="CZ54" s="1266"/>
      <c r="DA54" s="1266"/>
      <c r="DB54" s="1266"/>
      <c r="DC54" s="1266"/>
    </row>
    <row r="55" spans="1:109" ht="13" x14ac:dyDescent="0.2">
      <c r="A55" s="380"/>
      <c r="B55" s="372"/>
      <c r="G55" s="1261"/>
      <c r="H55" s="1261"/>
      <c r="I55" s="1261"/>
      <c r="J55" s="1261"/>
      <c r="K55" s="1267"/>
      <c r="L55" s="1267"/>
      <c r="M55" s="1267"/>
      <c r="N55" s="1267"/>
      <c r="AN55" s="1265" t="s">
        <v>607</v>
      </c>
      <c r="AO55" s="1265"/>
      <c r="AP55" s="1265"/>
      <c r="AQ55" s="1265"/>
      <c r="AR55" s="1265"/>
      <c r="AS55" s="1265"/>
      <c r="AT55" s="1265"/>
      <c r="AU55" s="1265"/>
      <c r="AV55" s="1265"/>
      <c r="AW55" s="1265"/>
      <c r="AX55" s="1265"/>
      <c r="AY55" s="1265"/>
      <c r="AZ55" s="1265"/>
      <c r="BA55" s="1265"/>
      <c r="BB55" s="1268" t="s">
        <v>605</v>
      </c>
      <c r="BC55" s="1268"/>
      <c r="BD55" s="1268"/>
      <c r="BE55" s="1268"/>
      <c r="BF55" s="1268"/>
      <c r="BG55" s="1268"/>
      <c r="BH55" s="1268"/>
      <c r="BI55" s="1268"/>
      <c r="BJ55" s="1268"/>
      <c r="BK55" s="1268"/>
      <c r="BL55" s="1268"/>
      <c r="BM55" s="1268"/>
      <c r="BN55" s="1268"/>
      <c r="BO55" s="1268"/>
      <c r="BP55" s="1266">
        <v>18.2</v>
      </c>
      <c r="BQ55" s="1266"/>
      <c r="BR55" s="1266"/>
      <c r="BS55" s="1266"/>
      <c r="BT55" s="1266"/>
      <c r="BU55" s="1266"/>
      <c r="BV55" s="1266"/>
      <c r="BW55" s="1266"/>
      <c r="BX55" s="1266">
        <v>20.3</v>
      </c>
      <c r="BY55" s="1266"/>
      <c r="BZ55" s="1266"/>
      <c r="CA55" s="1266"/>
      <c r="CB55" s="1266"/>
      <c r="CC55" s="1266"/>
      <c r="CD55" s="1266"/>
      <c r="CE55" s="1266"/>
      <c r="CF55" s="1266">
        <v>15.5</v>
      </c>
      <c r="CG55" s="1266"/>
      <c r="CH55" s="1266"/>
      <c r="CI55" s="1266"/>
      <c r="CJ55" s="1266"/>
      <c r="CK55" s="1266"/>
      <c r="CL55" s="1266"/>
      <c r="CM55" s="1266"/>
      <c r="CN55" s="1266">
        <v>4.5999999999999996</v>
      </c>
      <c r="CO55" s="1266"/>
      <c r="CP55" s="1266"/>
      <c r="CQ55" s="1266"/>
      <c r="CR55" s="1266"/>
      <c r="CS55" s="1266"/>
      <c r="CT55" s="1266"/>
      <c r="CU55" s="1266"/>
      <c r="CV55" s="1266">
        <v>1.6</v>
      </c>
      <c r="CW55" s="1266"/>
      <c r="CX55" s="1266"/>
      <c r="CY55" s="1266"/>
      <c r="CZ55" s="1266"/>
      <c r="DA55" s="1266"/>
      <c r="DB55" s="1266"/>
      <c r="DC55" s="1266"/>
    </row>
    <row r="56" spans="1:109" ht="13" x14ac:dyDescent="0.2">
      <c r="A56" s="380"/>
      <c r="B56" s="372"/>
      <c r="G56" s="1261"/>
      <c r="H56" s="1261"/>
      <c r="I56" s="1261"/>
      <c r="J56" s="1261"/>
      <c r="K56" s="1267"/>
      <c r="L56" s="1267"/>
      <c r="M56" s="1267"/>
      <c r="N56" s="1267"/>
      <c r="AN56" s="1265"/>
      <c r="AO56" s="1265"/>
      <c r="AP56" s="1265"/>
      <c r="AQ56" s="1265"/>
      <c r="AR56" s="1265"/>
      <c r="AS56" s="1265"/>
      <c r="AT56" s="1265"/>
      <c r="AU56" s="1265"/>
      <c r="AV56" s="1265"/>
      <c r="AW56" s="1265"/>
      <c r="AX56" s="1265"/>
      <c r="AY56" s="1265"/>
      <c r="AZ56" s="1265"/>
      <c r="BA56" s="1265"/>
      <c r="BB56" s="1268"/>
      <c r="BC56" s="1268"/>
      <c r="BD56" s="1268"/>
      <c r="BE56" s="1268"/>
      <c r="BF56" s="1268"/>
      <c r="BG56" s="1268"/>
      <c r="BH56" s="1268"/>
      <c r="BI56" s="1268"/>
      <c r="BJ56" s="1268"/>
      <c r="BK56" s="1268"/>
      <c r="BL56" s="1268"/>
      <c r="BM56" s="1268"/>
      <c r="BN56" s="1268"/>
      <c r="BO56" s="1268"/>
      <c r="BP56" s="1266"/>
      <c r="BQ56" s="1266"/>
      <c r="BR56" s="1266"/>
      <c r="BS56" s="1266"/>
      <c r="BT56" s="1266"/>
      <c r="BU56" s="1266"/>
      <c r="BV56" s="1266"/>
      <c r="BW56" s="1266"/>
      <c r="BX56" s="1266"/>
      <c r="BY56" s="1266"/>
      <c r="BZ56" s="1266"/>
      <c r="CA56" s="1266"/>
      <c r="CB56" s="1266"/>
      <c r="CC56" s="1266"/>
      <c r="CD56" s="1266"/>
      <c r="CE56" s="1266"/>
      <c r="CF56" s="1266"/>
      <c r="CG56" s="1266"/>
      <c r="CH56" s="1266"/>
      <c r="CI56" s="1266"/>
      <c r="CJ56" s="1266"/>
      <c r="CK56" s="1266"/>
      <c r="CL56" s="1266"/>
      <c r="CM56" s="1266"/>
      <c r="CN56" s="1266"/>
      <c r="CO56" s="1266"/>
      <c r="CP56" s="1266"/>
      <c r="CQ56" s="1266"/>
      <c r="CR56" s="1266"/>
      <c r="CS56" s="1266"/>
      <c r="CT56" s="1266"/>
      <c r="CU56" s="1266"/>
      <c r="CV56" s="1266"/>
      <c r="CW56" s="1266"/>
      <c r="CX56" s="1266"/>
      <c r="CY56" s="1266"/>
      <c r="CZ56" s="1266"/>
      <c r="DA56" s="1266"/>
      <c r="DB56" s="1266"/>
      <c r="DC56" s="1266"/>
    </row>
    <row r="57" spans="1:109" s="380" customFormat="1" ht="13" x14ac:dyDescent="0.2">
      <c r="B57" s="384"/>
      <c r="G57" s="1261"/>
      <c r="H57" s="1261"/>
      <c r="I57" s="1270"/>
      <c r="J57" s="1270"/>
      <c r="K57" s="1267"/>
      <c r="L57" s="1267"/>
      <c r="M57" s="1267"/>
      <c r="N57" s="1267"/>
      <c r="AM57" s="366"/>
      <c r="AN57" s="1265"/>
      <c r="AO57" s="1265"/>
      <c r="AP57" s="1265"/>
      <c r="AQ57" s="1265"/>
      <c r="AR57" s="1265"/>
      <c r="AS57" s="1265"/>
      <c r="AT57" s="1265"/>
      <c r="AU57" s="1265"/>
      <c r="AV57" s="1265"/>
      <c r="AW57" s="1265"/>
      <c r="AX57" s="1265"/>
      <c r="AY57" s="1265"/>
      <c r="AZ57" s="1265"/>
      <c r="BA57" s="1265"/>
      <c r="BB57" s="1268" t="s">
        <v>606</v>
      </c>
      <c r="BC57" s="1268"/>
      <c r="BD57" s="1268"/>
      <c r="BE57" s="1268"/>
      <c r="BF57" s="1268"/>
      <c r="BG57" s="1268"/>
      <c r="BH57" s="1268"/>
      <c r="BI57" s="1268"/>
      <c r="BJ57" s="1268"/>
      <c r="BK57" s="1268"/>
      <c r="BL57" s="1268"/>
      <c r="BM57" s="1268"/>
      <c r="BN57" s="1268"/>
      <c r="BO57" s="1268"/>
      <c r="BP57" s="1266">
        <v>59.3</v>
      </c>
      <c r="BQ57" s="1266"/>
      <c r="BR57" s="1266"/>
      <c r="BS57" s="1266"/>
      <c r="BT57" s="1266"/>
      <c r="BU57" s="1266"/>
      <c r="BV57" s="1266"/>
      <c r="BW57" s="1266"/>
      <c r="BX57" s="1266">
        <v>60.3</v>
      </c>
      <c r="BY57" s="1266"/>
      <c r="BZ57" s="1266"/>
      <c r="CA57" s="1266"/>
      <c r="CB57" s="1266"/>
      <c r="CC57" s="1266"/>
      <c r="CD57" s="1266"/>
      <c r="CE57" s="1266"/>
      <c r="CF57" s="1266">
        <v>61.5</v>
      </c>
      <c r="CG57" s="1266"/>
      <c r="CH57" s="1266"/>
      <c r="CI57" s="1266"/>
      <c r="CJ57" s="1266"/>
      <c r="CK57" s="1266"/>
      <c r="CL57" s="1266"/>
      <c r="CM57" s="1266"/>
      <c r="CN57" s="1266">
        <v>61</v>
      </c>
      <c r="CO57" s="1266"/>
      <c r="CP57" s="1266"/>
      <c r="CQ57" s="1266"/>
      <c r="CR57" s="1266"/>
      <c r="CS57" s="1266"/>
      <c r="CT57" s="1266"/>
      <c r="CU57" s="1266"/>
      <c r="CV57" s="1266">
        <v>62.3</v>
      </c>
      <c r="CW57" s="1266"/>
      <c r="CX57" s="1266"/>
      <c r="CY57" s="1266"/>
      <c r="CZ57" s="1266"/>
      <c r="DA57" s="1266"/>
      <c r="DB57" s="1266"/>
      <c r="DC57" s="1266"/>
      <c r="DD57" s="385"/>
      <c r="DE57" s="384"/>
    </row>
    <row r="58" spans="1:109" s="380" customFormat="1" ht="13" x14ac:dyDescent="0.2">
      <c r="A58" s="366"/>
      <c r="B58" s="384"/>
      <c r="G58" s="1261"/>
      <c r="H58" s="1261"/>
      <c r="I58" s="1270"/>
      <c r="J58" s="1270"/>
      <c r="K58" s="1267"/>
      <c r="L58" s="1267"/>
      <c r="M58" s="1267"/>
      <c r="N58" s="1267"/>
      <c r="AM58" s="366"/>
      <c r="AN58" s="1265"/>
      <c r="AO58" s="1265"/>
      <c r="AP58" s="1265"/>
      <c r="AQ58" s="1265"/>
      <c r="AR58" s="1265"/>
      <c r="AS58" s="1265"/>
      <c r="AT58" s="1265"/>
      <c r="AU58" s="1265"/>
      <c r="AV58" s="1265"/>
      <c r="AW58" s="1265"/>
      <c r="AX58" s="1265"/>
      <c r="AY58" s="1265"/>
      <c r="AZ58" s="1265"/>
      <c r="BA58" s="1265"/>
      <c r="BB58" s="1268"/>
      <c r="BC58" s="1268"/>
      <c r="BD58" s="1268"/>
      <c r="BE58" s="1268"/>
      <c r="BF58" s="1268"/>
      <c r="BG58" s="1268"/>
      <c r="BH58" s="1268"/>
      <c r="BI58" s="1268"/>
      <c r="BJ58" s="1268"/>
      <c r="BK58" s="1268"/>
      <c r="BL58" s="1268"/>
      <c r="BM58" s="1268"/>
      <c r="BN58" s="1268"/>
      <c r="BO58" s="1268"/>
      <c r="BP58" s="1266"/>
      <c r="BQ58" s="1266"/>
      <c r="BR58" s="1266"/>
      <c r="BS58" s="1266"/>
      <c r="BT58" s="1266"/>
      <c r="BU58" s="1266"/>
      <c r="BV58" s="1266"/>
      <c r="BW58" s="1266"/>
      <c r="BX58" s="1266"/>
      <c r="BY58" s="1266"/>
      <c r="BZ58" s="1266"/>
      <c r="CA58" s="1266"/>
      <c r="CB58" s="1266"/>
      <c r="CC58" s="1266"/>
      <c r="CD58" s="1266"/>
      <c r="CE58" s="1266"/>
      <c r="CF58" s="1266"/>
      <c r="CG58" s="1266"/>
      <c r="CH58" s="1266"/>
      <c r="CI58" s="1266"/>
      <c r="CJ58" s="1266"/>
      <c r="CK58" s="1266"/>
      <c r="CL58" s="1266"/>
      <c r="CM58" s="1266"/>
      <c r="CN58" s="1266"/>
      <c r="CO58" s="1266"/>
      <c r="CP58" s="1266"/>
      <c r="CQ58" s="1266"/>
      <c r="CR58" s="1266"/>
      <c r="CS58" s="1266"/>
      <c r="CT58" s="1266"/>
      <c r="CU58" s="1266"/>
      <c r="CV58" s="1266"/>
      <c r="CW58" s="1266"/>
      <c r="CX58" s="1266"/>
      <c r="CY58" s="1266"/>
      <c r="CZ58" s="1266"/>
      <c r="DA58" s="1266"/>
      <c r="DB58" s="1266"/>
      <c r="DC58" s="1266"/>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608</v>
      </c>
    </row>
    <row r="64" spans="1:109" ht="13" x14ac:dyDescent="0.2">
      <c r="B64" s="372"/>
      <c r="G64" s="379"/>
      <c r="I64" s="392"/>
      <c r="J64" s="392"/>
      <c r="K64" s="392"/>
      <c r="L64" s="392"/>
      <c r="M64" s="392"/>
      <c r="N64" s="393"/>
      <c r="AM64" s="379"/>
      <c r="AN64" s="379" t="s">
        <v>601</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52" t="s">
        <v>609</v>
      </c>
      <c r="AO65" s="1253"/>
      <c r="AP65" s="1253"/>
      <c r="AQ65" s="1253"/>
      <c r="AR65" s="1253"/>
      <c r="AS65" s="1253"/>
      <c r="AT65" s="1253"/>
      <c r="AU65" s="1253"/>
      <c r="AV65" s="1253"/>
      <c r="AW65" s="1253"/>
      <c r="AX65" s="1253"/>
      <c r="AY65" s="1253"/>
      <c r="AZ65" s="1253"/>
      <c r="BA65" s="1253"/>
      <c r="BB65" s="1253"/>
      <c r="BC65" s="1253"/>
      <c r="BD65" s="1253"/>
      <c r="BE65" s="1253"/>
      <c r="BF65" s="1253"/>
      <c r="BG65" s="1253"/>
      <c r="BH65" s="1253"/>
      <c r="BI65" s="1253"/>
      <c r="BJ65" s="1253"/>
      <c r="BK65" s="1253"/>
      <c r="BL65" s="1253"/>
      <c r="BM65" s="1253"/>
      <c r="BN65" s="1253"/>
      <c r="BO65" s="1253"/>
      <c r="BP65" s="1253"/>
      <c r="BQ65" s="1253"/>
      <c r="BR65" s="1253"/>
      <c r="BS65" s="1253"/>
      <c r="BT65" s="1253"/>
      <c r="BU65" s="1253"/>
      <c r="BV65" s="1253"/>
      <c r="BW65" s="1253"/>
      <c r="BX65" s="1253"/>
      <c r="BY65" s="1253"/>
      <c r="BZ65" s="1253"/>
      <c r="CA65" s="1253"/>
      <c r="CB65" s="1253"/>
      <c r="CC65" s="1253"/>
      <c r="CD65" s="1253"/>
      <c r="CE65" s="1253"/>
      <c r="CF65" s="1253"/>
      <c r="CG65" s="1253"/>
      <c r="CH65" s="1253"/>
      <c r="CI65" s="1253"/>
      <c r="CJ65" s="1253"/>
      <c r="CK65" s="1253"/>
      <c r="CL65" s="1253"/>
      <c r="CM65" s="1253"/>
      <c r="CN65" s="1253"/>
      <c r="CO65" s="1253"/>
      <c r="CP65" s="1253"/>
      <c r="CQ65" s="1253"/>
      <c r="CR65" s="1253"/>
      <c r="CS65" s="1253"/>
      <c r="CT65" s="1253"/>
      <c r="CU65" s="1253"/>
      <c r="CV65" s="1253"/>
      <c r="CW65" s="1253"/>
      <c r="CX65" s="1253"/>
      <c r="CY65" s="1253"/>
      <c r="CZ65" s="1253"/>
      <c r="DA65" s="1253"/>
      <c r="DB65" s="1253"/>
      <c r="DC65" s="1254"/>
    </row>
    <row r="66" spans="2:107" ht="13" x14ac:dyDescent="0.2">
      <c r="B66" s="372"/>
      <c r="AN66" s="1255"/>
      <c r="AO66" s="1256"/>
      <c r="AP66" s="1256"/>
      <c r="AQ66" s="1256"/>
      <c r="AR66" s="1256"/>
      <c r="AS66" s="1256"/>
      <c r="AT66" s="1256"/>
      <c r="AU66" s="1256"/>
      <c r="AV66" s="1256"/>
      <c r="AW66" s="1256"/>
      <c r="AX66" s="1256"/>
      <c r="AY66" s="1256"/>
      <c r="AZ66" s="1256"/>
      <c r="BA66" s="1256"/>
      <c r="BB66" s="1256"/>
      <c r="BC66" s="1256"/>
      <c r="BD66" s="1256"/>
      <c r="BE66" s="1256"/>
      <c r="BF66" s="1256"/>
      <c r="BG66" s="1256"/>
      <c r="BH66" s="1256"/>
      <c r="BI66" s="1256"/>
      <c r="BJ66" s="1256"/>
      <c r="BK66" s="1256"/>
      <c r="BL66" s="1256"/>
      <c r="BM66" s="1256"/>
      <c r="BN66" s="1256"/>
      <c r="BO66" s="1256"/>
      <c r="BP66" s="1256"/>
      <c r="BQ66" s="1256"/>
      <c r="BR66" s="1256"/>
      <c r="BS66" s="1256"/>
      <c r="BT66" s="1256"/>
      <c r="BU66" s="1256"/>
      <c r="BV66" s="1256"/>
      <c r="BW66" s="1256"/>
      <c r="BX66" s="1256"/>
      <c r="BY66" s="1256"/>
      <c r="BZ66" s="1256"/>
      <c r="CA66" s="1256"/>
      <c r="CB66" s="1256"/>
      <c r="CC66" s="1256"/>
      <c r="CD66" s="1256"/>
      <c r="CE66" s="1256"/>
      <c r="CF66" s="1256"/>
      <c r="CG66" s="1256"/>
      <c r="CH66" s="1256"/>
      <c r="CI66" s="1256"/>
      <c r="CJ66" s="1256"/>
      <c r="CK66" s="1256"/>
      <c r="CL66" s="1256"/>
      <c r="CM66" s="1256"/>
      <c r="CN66" s="1256"/>
      <c r="CO66" s="1256"/>
      <c r="CP66" s="1256"/>
      <c r="CQ66" s="1256"/>
      <c r="CR66" s="1256"/>
      <c r="CS66" s="1256"/>
      <c r="CT66" s="1256"/>
      <c r="CU66" s="1256"/>
      <c r="CV66" s="1256"/>
      <c r="CW66" s="1256"/>
      <c r="CX66" s="1256"/>
      <c r="CY66" s="1256"/>
      <c r="CZ66" s="1256"/>
      <c r="DA66" s="1256"/>
      <c r="DB66" s="1256"/>
      <c r="DC66" s="1257"/>
    </row>
    <row r="67" spans="2:107" ht="13" x14ac:dyDescent="0.2">
      <c r="B67" s="372"/>
      <c r="AN67" s="1255"/>
      <c r="AO67" s="1256"/>
      <c r="AP67" s="1256"/>
      <c r="AQ67" s="1256"/>
      <c r="AR67" s="1256"/>
      <c r="AS67" s="1256"/>
      <c r="AT67" s="1256"/>
      <c r="AU67" s="1256"/>
      <c r="AV67" s="1256"/>
      <c r="AW67" s="1256"/>
      <c r="AX67" s="1256"/>
      <c r="AY67" s="1256"/>
      <c r="AZ67" s="1256"/>
      <c r="BA67" s="1256"/>
      <c r="BB67" s="1256"/>
      <c r="BC67" s="1256"/>
      <c r="BD67" s="1256"/>
      <c r="BE67" s="1256"/>
      <c r="BF67" s="1256"/>
      <c r="BG67" s="1256"/>
      <c r="BH67" s="1256"/>
      <c r="BI67" s="1256"/>
      <c r="BJ67" s="1256"/>
      <c r="BK67" s="1256"/>
      <c r="BL67" s="1256"/>
      <c r="BM67" s="1256"/>
      <c r="BN67" s="1256"/>
      <c r="BO67" s="1256"/>
      <c r="BP67" s="1256"/>
      <c r="BQ67" s="1256"/>
      <c r="BR67" s="1256"/>
      <c r="BS67" s="1256"/>
      <c r="BT67" s="1256"/>
      <c r="BU67" s="1256"/>
      <c r="BV67" s="1256"/>
      <c r="BW67" s="1256"/>
      <c r="BX67" s="1256"/>
      <c r="BY67" s="1256"/>
      <c r="BZ67" s="1256"/>
      <c r="CA67" s="1256"/>
      <c r="CB67" s="1256"/>
      <c r="CC67" s="1256"/>
      <c r="CD67" s="1256"/>
      <c r="CE67" s="1256"/>
      <c r="CF67" s="1256"/>
      <c r="CG67" s="1256"/>
      <c r="CH67" s="1256"/>
      <c r="CI67" s="1256"/>
      <c r="CJ67" s="1256"/>
      <c r="CK67" s="1256"/>
      <c r="CL67" s="1256"/>
      <c r="CM67" s="1256"/>
      <c r="CN67" s="1256"/>
      <c r="CO67" s="1256"/>
      <c r="CP67" s="1256"/>
      <c r="CQ67" s="1256"/>
      <c r="CR67" s="1256"/>
      <c r="CS67" s="1256"/>
      <c r="CT67" s="1256"/>
      <c r="CU67" s="1256"/>
      <c r="CV67" s="1256"/>
      <c r="CW67" s="1256"/>
      <c r="CX67" s="1256"/>
      <c r="CY67" s="1256"/>
      <c r="CZ67" s="1256"/>
      <c r="DA67" s="1256"/>
      <c r="DB67" s="1256"/>
      <c r="DC67" s="1257"/>
    </row>
    <row r="68" spans="2:107" ht="13" x14ac:dyDescent="0.2">
      <c r="B68" s="372"/>
      <c r="AN68" s="1255"/>
      <c r="AO68" s="1256"/>
      <c r="AP68" s="1256"/>
      <c r="AQ68" s="1256"/>
      <c r="AR68" s="1256"/>
      <c r="AS68" s="1256"/>
      <c r="AT68" s="1256"/>
      <c r="AU68" s="1256"/>
      <c r="AV68" s="1256"/>
      <c r="AW68" s="1256"/>
      <c r="AX68" s="1256"/>
      <c r="AY68" s="1256"/>
      <c r="AZ68" s="1256"/>
      <c r="BA68" s="1256"/>
      <c r="BB68" s="1256"/>
      <c r="BC68" s="1256"/>
      <c r="BD68" s="1256"/>
      <c r="BE68" s="1256"/>
      <c r="BF68" s="1256"/>
      <c r="BG68" s="1256"/>
      <c r="BH68" s="1256"/>
      <c r="BI68" s="1256"/>
      <c r="BJ68" s="1256"/>
      <c r="BK68" s="1256"/>
      <c r="BL68" s="1256"/>
      <c r="BM68" s="1256"/>
      <c r="BN68" s="1256"/>
      <c r="BO68" s="1256"/>
      <c r="BP68" s="1256"/>
      <c r="BQ68" s="1256"/>
      <c r="BR68" s="1256"/>
      <c r="BS68" s="1256"/>
      <c r="BT68" s="1256"/>
      <c r="BU68" s="1256"/>
      <c r="BV68" s="1256"/>
      <c r="BW68" s="1256"/>
      <c r="BX68" s="1256"/>
      <c r="BY68" s="1256"/>
      <c r="BZ68" s="1256"/>
      <c r="CA68" s="1256"/>
      <c r="CB68" s="1256"/>
      <c r="CC68" s="1256"/>
      <c r="CD68" s="1256"/>
      <c r="CE68" s="1256"/>
      <c r="CF68" s="1256"/>
      <c r="CG68" s="1256"/>
      <c r="CH68" s="1256"/>
      <c r="CI68" s="1256"/>
      <c r="CJ68" s="1256"/>
      <c r="CK68" s="1256"/>
      <c r="CL68" s="1256"/>
      <c r="CM68" s="1256"/>
      <c r="CN68" s="1256"/>
      <c r="CO68" s="1256"/>
      <c r="CP68" s="1256"/>
      <c r="CQ68" s="1256"/>
      <c r="CR68" s="1256"/>
      <c r="CS68" s="1256"/>
      <c r="CT68" s="1256"/>
      <c r="CU68" s="1256"/>
      <c r="CV68" s="1256"/>
      <c r="CW68" s="1256"/>
      <c r="CX68" s="1256"/>
      <c r="CY68" s="1256"/>
      <c r="CZ68" s="1256"/>
      <c r="DA68" s="1256"/>
      <c r="DB68" s="1256"/>
      <c r="DC68" s="1257"/>
    </row>
    <row r="69" spans="2:107" ht="13" x14ac:dyDescent="0.2">
      <c r="B69" s="372"/>
      <c r="AN69" s="1258"/>
      <c r="AO69" s="1259"/>
      <c r="AP69" s="1259"/>
      <c r="AQ69" s="1259"/>
      <c r="AR69" s="1259"/>
      <c r="AS69" s="1259"/>
      <c r="AT69" s="1259"/>
      <c r="AU69" s="1259"/>
      <c r="AV69" s="1259"/>
      <c r="AW69" s="1259"/>
      <c r="AX69" s="1259"/>
      <c r="AY69" s="1259"/>
      <c r="AZ69" s="1259"/>
      <c r="BA69" s="1259"/>
      <c r="BB69" s="1259"/>
      <c r="BC69" s="1259"/>
      <c r="BD69" s="1259"/>
      <c r="BE69" s="1259"/>
      <c r="BF69" s="1259"/>
      <c r="BG69" s="1259"/>
      <c r="BH69" s="1259"/>
      <c r="BI69" s="1259"/>
      <c r="BJ69" s="1259"/>
      <c r="BK69" s="1259"/>
      <c r="BL69" s="1259"/>
      <c r="BM69" s="1259"/>
      <c r="BN69" s="1259"/>
      <c r="BO69" s="1259"/>
      <c r="BP69" s="1259"/>
      <c r="BQ69" s="1259"/>
      <c r="BR69" s="1259"/>
      <c r="BS69" s="1259"/>
      <c r="BT69" s="1259"/>
      <c r="BU69" s="1259"/>
      <c r="BV69" s="1259"/>
      <c r="BW69" s="1259"/>
      <c r="BX69" s="1259"/>
      <c r="BY69" s="1259"/>
      <c r="BZ69" s="1259"/>
      <c r="CA69" s="1259"/>
      <c r="CB69" s="1259"/>
      <c r="CC69" s="1259"/>
      <c r="CD69" s="1259"/>
      <c r="CE69" s="1259"/>
      <c r="CF69" s="1259"/>
      <c r="CG69" s="1259"/>
      <c r="CH69" s="1259"/>
      <c r="CI69" s="1259"/>
      <c r="CJ69" s="1259"/>
      <c r="CK69" s="1259"/>
      <c r="CL69" s="1259"/>
      <c r="CM69" s="1259"/>
      <c r="CN69" s="1259"/>
      <c r="CO69" s="1259"/>
      <c r="CP69" s="1259"/>
      <c r="CQ69" s="1259"/>
      <c r="CR69" s="1259"/>
      <c r="CS69" s="1259"/>
      <c r="CT69" s="1259"/>
      <c r="CU69" s="1259"/>
      <c r="CV69" s="1259"/>
      <c r="CW69" s="1259"/>
      <c r="CX69" s="1259"/>
      <c r="CY69" s="1259"/>
      <c r="CZ69" s="1259"/>
      <c r="DA69" s="1259"/>
      <c r="DB69" s="1259"/>
      <c r="DC69" s="1260"/>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603</v>
      </c>
    </row>
    <row r="72" spans="2:107" ht="13" x14ac:dyDescent="0.2">
      <c r="B72" s="372"/>
      <c r="G72" s="1261"/>
      <c r="H72" s="1261"/>
      <c r="I72" s="1261"/>
      <c r="J72" s="1261"/>
      <c r="K72" s="382"/>
      <c r="L72" s="382"/>
      <c r="M72" s="383"/>
      <c r="N72" s="383"/>
      <c r="AN72" s="1262"/>
      <c r="AO72" s="1263"/>
      <c r="AP72" s="1263"/>
      <c r="AQ72" s="1263"/>
      <c r="AR72" s="1263"/>
      <c r="AS72" s="1263"/>
      <c r="AT72" s="1263"/>
      <c r="AU72" s="1263"/>
      <c r="AV72" s="1263"/>
      <c r="AW72" s="1263"/>
      <c r="AX72" s="1263"/>
      <c r="AY72" s="1263"/>
      <c r="AZ72" s="1263"/>
      <c r="BA72" s="1263"/>
      <c r="BB72" s="1263"/>
      <c r="BC72" s="1263"/>
      <c r="BD72" s="1263"/>
      <c r="BE72" s="1263"/>
      <c r="BF72" s="1263"/>
      <c r="BG72" s="1263"/>
      <c r="BH72" s="1263"/>
      <c r="BI72" s="1263"/>
      <c r="BJ72" s="1263"/>
      <c r="BK72" s="1263"/>
      <c r="BL72" s="1263"/>
      <c r="BM72" s="1263"/>
      <c r="BN72" s="1263"/>
      <c r="BO72" s="1264"/>
      <c r="BP72" s="1265" t="s">
        <v>569</v>
      </c>
      <c r="BQ72" s="1265"/>
      <c r="BR72" s="1265"/>
      <c r="BS72" s="1265"/>
      <c r="BT72" s="1265"/>
      <c r="BU72" s="1265"/>
      <c r="BV72" s="1265"/>
      <c r="BW72" s="1265"/>
      <c r="BX72" s="1265" t="s">
        <v>570</v>
      </c>
      <c r="BY72" s="1265"/>
      <c r="BZ72" s="1265"/>
      <c r="CA72" s="1265"/>
      <c r="CB72" s="1265"/>
      <c r="CC72" s="1265"/>
      <c r="CD72" s="1265"/>
      <c r="CE72" s="1265"/>
      <c r="CF72" s="1265" t="s">
        <v>571</v>
      </c>
      <c r="CG72" s="1265"/>
      <c r="CH72" s="1265"/>
      <c r="CI72" s="1265"/>
      <c r="CJ72" s="1265"/>
      <c r="CK72" s="1265"/>
      <c r="CL72" s="1265"/>
      <c r="CM72" s="1265"/>
      <c r="CN72" s="1265" t="s">
        <v>572</v>
      </c>
      <c r="CO72" s="1265"/>
      <c r="CP72" s="1265"/>
      <c r="CQ72" s="1265"/>
      <c r="CR72" s="1265"/>
      <c r="CS72" s="1265"/>
      <c r="CT72" s="1265"/>
      <c r="CU72" s="1265"/>
      <c r="CV72" s="1265" t="s">
        <v>573</v>
      </c>
      <c r="CW72" s="1265"/>
      <c r="CX72" s="1265"/>
      <c r="CY72" s="1265"/>
      <c r="CZ72" s="1265"/>
      <c r="DA72" s="1265"/>
      <c r="DB72" s="1265"/>
      <c r="DC72" s="1265"/>
    </row>
    <row r="73" spans="2:107" ht="13" x14ac:dyDescent="0.2">
      <c r="B73" s="372"/>
      <c r="G73" s="1271"/>
      <c r="H73" s="1271"/>
      <c r="I73" s="1271"/>
      <c r="J73" s="1271"/>
      <c r="K73" s="1272"/>
      <c r="L73" s="1272"/>
      <c r="M73" s="1272"/>
      <c r="N73" s="1272"/>
      <c r="AM73" s="381"/>
      <c r="AN73" s="1268" t="s">
        <v>604</v>
      </c>
      <c r="AO73" s="1268"/>
      <c r="AP73" s="1268"/>
      <c r="AQ73" s="1268"/>
      <c r="AR73" s="1268"/>
      <c r="AS73" s="1268"/>
      <c r="AT73" s="1268"/>
      <c r="AU73" s="1268"/>
      <c r="AV73" s="1268"/>
      <c r="AW73" s="1268"/>
      <c r="AX73" s="1268"/>
      <c r="AY73" s="1268"/>
      <c r="AZ73" s="1268"/>
      <c r="BA73" s="1268"/>
      <c r="BB73" s="1268" t="s">
        <v>605</v>
      </c>
      <c r="BC73" s="1268"/>
      <c r="BD73" s="1268"/>
      <c r="BE73" s="1268"/>
      <c r="BF73" s="1268"/>
      <c r="BG73" s="1268"/>
      <c r="BH73" s="1268"/>
      <c r="BI73" s="1268"/>
      <c r="BJ73" s="1268"/>
      <c r="BK73" s="1268"/>
      <c r="BL73" s="1268"/>
      <c r="BM73" s="1268"/>
      <c r="BN73" s="1268"/>
      <c r="BO73" s="1268"/>
      <c r="BP73" s="1266">
        <v>32.4</v>
      </c>
      <c r="BQ73" s="1266"/>
      <c r="BR73" s="1266"/>
      <c r="BS73" s="1266"/>
      <c r="BT73" s="1266"/>
      <c r="BU73" s="1266"/>
      <c r="BV73" s="1266"/>
      <c r="BW73" s="1266"/>
      <c r="BX73" s="1266">
        <v>27.1</v>
      </c>
      <c r="BY73" s="1266"/>
      <c r="BZ73" s="1266"/>
      <c r="CA73" s="1266"/>
      <c r="CB73" s="1266"/>
      <c r="CC73" s="1266"/>
      <c r="CD73" s="1266"/>
      <c r="CE73" s="1266"/>
      <c r="CF73" s="1266">
        <v>16.600000000000001</v>
      </c>
      <c r="CG73" s="1266"/>
      <c r="CH73" s="1266"/>
      <c r="CI73" s="1266"/>
      <c r="CJ73" s="1266"/>
      <c r="CK73" s="1266"/>
      <c r="CL73" s="1266"/>
      <c r="CM73" s="1266"/>
      <c r="CN73" s="1266">
        <v>5.8</v>
      </c>
      <c r="CO73" s="1266"/>
      <c r="CP73" s="1266"/>
      <c r="CQ73" s="1266"/>
      <c r="CR73" s="1266"/>
      <c r="CS73" s="1266"/>
      <c r="CT73" s="1266"/>
      <c r="CU73" s="1266"/>
      <c r="CV73" s="1266">
        <v>4.9000000000000004</v>
      </c>
      <c r="CW73" s="1266"/>
      <c r="CX73" s="1266"/>
      <c r="CY73" s="1266"/>
      <c r="CZ73" s="1266"/>
      <c r="DA73" s="1266"/>
      <c r="DB73" s="1266"/>
      <c r="DC73" s="1266"/>
    </row>
    <row r="74" spans="2:107" ht="13" x14ac:dyDescent="0.2">
      <c r="B74" s="372"/>
      <c r="G74" s="1271"/>
      <c r="H74" s="1271"/>
      <c r="I74" s="1271"/>
      <c r="J74" s="1271"/>
      <c r="K74" s="1272"/>
      <c r="L74" s="1272"/>
      <c r="M74" s="1272"/>
      <c r="N74" s="1272"/>
      <c r="AM74" s="381"/>
      <c r="AN74" s="1268"/>
      <c r="AO74" s="1268"/>
      <c r="AP74" s="1268"/>
      <c r="AQ74" s="1268"/>
      <c r="AR74" s="1268"/>
      <c r="AS74" s="1268"/>
      <c r="AT74" s="1268"/>
      <c r="AU74" s="1268"/>
      <c r="AV74" s="1268"/>
      <c r="AW74" s="1268"/>
      <c r="AX74" s="1268"/>
      <c r="AY74" s="1268"/>
      <c r="AZ74" s="1268"/>
      <c r="BA74" s="1268"/>
      <c r="BB74" s="1268"/>
      <c r="BC74" s="1268"/>
      <c r="BD74" s="1268"/>
      <c r="BE74" s="1268"/>
      <c r="BF74" s="1268"/>
      <c r="BG74" s="1268"/>
      <c r="BH74" s="1268"/>
      <c r="BI74" s="1268"/>
      <c r="BJ74" s="1268"/>
      <c r="BK74" s="1268"/>
      <c r="BL74" s="1268"/>
      <c r="BM74" s="1268"/>
      <c r="BN74" s="1268"/>
      <c r="BO74" s="1268"/>
      <c r="BP74" s="1266"/>
      <c r="BQ74" s="1266"/>
      <c r="BR74" s="1266"/>
      <c r="BS74" s="1266"/>
      <c r="BT74" s="1266"/>
      <c r="BU74" s="1266"/>
      <c r="BV74" s="1266"/>
      <c r="BW74" s="1266"/>
      <c r="BX74" s="1266"/>
      <c r="BY74" s="1266"/>
      <c r="BZ74" s="1266"/>
      <c r="CA74" s="1266"/>
      <c r="CB74" s="1266"/>
      <c r="CC74" s="1266"/>
      <c r="CD74" s="1266"/>
      <c r="CE74" s="1266"/>
      <c r="CF74" s="1266"/>
      <c r="CG74" s="1266"/>
      <c r="CH74" s="1266"/>
      <c r="CI74" s="1266"/>
      <c r="CJ74" s="1266"/>
      <c r="CK74" s="1266"/>
      <c r="CL74" s="1266"/>
      <c r="CM74" s="1266"/>
      <c r="CN74" s="1266"/>
      <c r="CO74" s="1266"/>
      <c r="CP74" s="1266"/>
      <c r="CQ74" s="1266"/>
      <c r="CR74" s="1266"/>
      <c r="CS74" s="1266"/>
      <c r="CT74" s="1266"/>
      <c r="CU74" s="1266"/>
      <c r="CV74" s="1266"/>
      <c r="CW74" s="1266"/>
      <c r="CX74" s="1266"/>
      <c r="CY74" s="1266"/>
      <c r="CZ74" s="1266"/>
      <c r="DA74" s="1266"/>
      <c r="DB74" s="1266"/>
      <c r="DC74" s="1266"/>
    </row>
    <row r="75" spans="2:107" ht="13" x14ac:dyDescent="0.2">
      <c r="B75" s="372"/>
      <c r="G75" s="1271"/>
      <c r="H75" s="1271"/>
      <c r="I75" s="1261"/>
      <c r="J75" s="1261"/>
      <c r="K75" s="1267"/>
      <c r="L75" s="1267"/>
      <c r="M75" s="1267"/>
      <c r="N75" s="1267"/>
      <c r="AM75" s="381"/>
      <c r="AN75" s="1268"/>
      <c r="AO75" s="1268"/>
      <c r="AP75" s="1268"/>
      <c r="AQ75" s="1268"/>
      <c r="AR75" s="1268"/>
      <c r="AS75" s="1268"/>
      <c r="AT75" s="1268"/>
      <c r="AU75" s="1268"/>
      <c r="AV75" s="1268"/>
      <c r="AW75" s="1268"/>
      <c r="AX75" s="1268"/>
      <c r="AY75" s="1268"/>
      <c r="AZ75" s="1268"/>
      <c r="BA75" s="1268"/>
      <c r="BB75" s="1268" t="s">
        <v>610</v>
      </c>
      <c r="BC75" s="1268"/>
      <c r="BD75" s="1268"/>
      <c r="BE75" s="1268"/>
      <c r="BF75" s="1268"/>
      <c r="BG75" s="1268"/>
      <c r="BH75" s="1268"/>
      <c r="BI75" s="1268"/>
      <c r="BJ75" s="1268"/>
      <c r="BK75" s="1268"/>
      <c r="BL75" s="1268"/>
      <c r="BM75" s="1268"/>
      <c r="BN75" s="1268"/>
      <c r="BO75" s="1268"/>
      <c r="BP75" s="1266">
        <v>6.5</v>
      </c>
      <c r="BQ75" s="1266"/>
      <c r="BR75" s="1266"/>
      <c r="BS75" s="1266"/>
      <c r="BT75" s="1266"/>
      <c r="BU75" s="1266"/>
      <c r="BV75" s="1266"/>
      <c r="BW75" s="1266"/>
      <c r="BX75" s="1266">
        <v>6.1</v>
      </c>
      <c r="BY75" s="1266"/>
      <c r="BZ75" s="1266"/>
      <c r="CA75" s="1266"/>
      <c r="CB75" s="1266"/>
      <c r="CC75" s="1266"/>
      <c r="CD75" s="1266"/>
      <c r="CE75" s="1266"/>
      <c r="CF75" s="1266">
        <v>5.3</v>
      </c>
      <c r="CG75" s="1266"/>
      <c r="CH75" s="1266"/>
      <c r="CI75" s="1266"/>
      <c r="CJ75" s="1266"/>
      <c r="CK75" s="1266"/>
      <c r="CL75" s="1266"/>
      <c r="CM75" s="1266"/>
      <c r="CN75" s="1266">
        <v>4.8</v>
      </c>
      <c r="CO75" s="1266"/>
      <c r="CP75" s="1266"/>
      <c r="CQ75" s="1266"/>
      <c r="CR75" s="1266"/>
      <c r="CS75" s="1266"/>
      <c r="CT75" s="1266"/>
      <c r="CU75" s="1266"/>
      <c r="CV75" s="1266">
        <v>4.8</v>
      </c>
      <c r="CW75" s="1266"/>
      <c r="CX75" s="1266"/>
      <c r="CY75" s="1266"/>
      <c r="CZ75" s="1266"/>
      <c r="DA75" s="1266"/>
      <c r="DB75" s="1266"/>
      <c r="DC75" s="1266"/>
    </row>
    <row r="76" spans="2:107" ht="13" x14ac:dyDescent="0.2">
      <c r="B76" s="372"/>
      <c r="G76" s="1271"/>
      <c r="H76" s="1271"/>
      <c r="I76" s="1261"/>
      <c r="J76" s="1261"/>
      <c r="K76" s="1267"/>
      <c r="L76" s="1267"/>
      <c r="M76" s="1267"/>
      <c r="N76" s="1267"/>
      <c r="AM76" s="381"/>
      <c r="AN76" s="1268"/>
      <c r="AO76" s="1268"/>
      <c r="AP76" s="1268"/>
      <c r="AQ76" s="1268"/>
      <c r="AR76" s="1268"/>
      <c r="AS76" s="1268"/>
      <c r="AT76" s="1268"/>
      <c r="AU76" s="1268"/>
      <c r="AV76" s="1268"/>
      <c r="AW76" s="1268"/>
      <c r="AX76" s="1268"/>
      <c r="AY76" s="1268"/>
      <c r="AZ76" s="1268"/>
      <c r="BA76" s="1268"/>
      <c r="BB76" s="1268"/>
      <c r="BC76" s="1268"/>
      <c r="BD76" s="1268"/>
      <c r="BE76" s="1268"/>
      <c r="BF76" s="1268"/>
      <c r="BG76" s="1268"/>
      <c r="BH76" s="1268"/>
      <c r="BI76" s="1268"/>
      <c r="BJ76" s="1268"/>
      <c r="BK76" s="1268"/>
      <c r="BL76" s="1268"/>
      <c r="BM76" s="1268"/>
      <c r="BN76" s="1268"/>
      <c r="BO76" s="1268"/>
      <c r="BP76" s="1266"/>
      <c r="BQ76" s="1266"/>
      <c r="BR76" s="1266"/>
      <c r="BS76" s="1266"/>
      <c r="BT76" s="1266"/>
      <c r="BU76" s="1266"/>
      <c r="BV76" s="1266"/>
      <c r="BW76" s="1266"/>
      <c r="BX76" s="1266"/>
      <c r="BY76" s="1266"/>
      <c r="BZ76" s="1266"/>
      <c r="CA76" s="1266"/>
      <c r="CB76" s="1266"/>
      <c r="CC76" s="1266"/>
      <c r="CD76" s="1266"/>
      <c r="CE76" s="1266"/>
      <c r="CF76" s="1266"/>
      <c r="CG76" s="1266"/>
      <c r="CH76" s="1266"/>
      <c r="CI76" s="1266"/>
      <c r="CJ76" s="1266"/>
      <c r="CK76" s="1266"/>
      <c r="CL76" s="1266"/>
      <c r="CM76" s="1266"/>
      <c r="CN76" s="1266"/>
      <c r="CO76" s="1266"/>
      <c r="CP76" s="1266"/>
      <c r="CQ76" s="1266"/>
      <c r="CR76" s="1266"/>
      <c r="CS76" s="1266"/>
      <c r="CT76" s="1266"/>
      <c r="CU76" s="1266"/>
      <c r="CV76" s="1266"/>
      <c r="CW76" s="1266"/>
      <c r="CX76" s="1266"/>
      <c r="CY76" s="1266"/>
      <c r="CZ76" s="1266"/>
      <c r="DA76" s="1266"/>
      <c r="DB76" s="1266"/>
      <c r="DC76" s="1266"/>
    </row>
    <row r="77" spans="2:107" ht="13" x14ac:dyDescent="0.2">
      <c r="B77" s="372"/>
      <c r="G77" s="1261"/>
      <c r="H77" s="1261"/>
      <c r="I77" s="1261"/>
      <c r="J77" s="1261"/>
      <c r="K77" s="1272"/>
      <c r="L77" s="1272"/>
      <c r="M77" s="1272"/>
      <c r="N77" s="1272"/>
      <c r="AN77" s="1265" t="s">
        <v>607</v>
      </c>
      <c r="AO77" s="1265"/>
      <c r="AP77" s="1265"/>
      <c r="AQ77" s="1265"/>
      <c r="AR77" s="1265"/>
      <c r="AS77" s="1265"/>
      <c r="AT77" s="1265"/>
      <c r="AU77" s="1265"/>
      <c r="AV77" s="1265"/>
      <c r="AW77" s="1265"/>
      <c r="AX77" s="1265"/>
      <c r="AY77" s="1265"/>
      <c r="AZ77" s="1265"/>
      <c r="BA77" s="1265"/>
      <c r="BB77" s="1268" t="s">
        <v>605</v>
      </c>
      <c r="BC77" s="1268"/>
      <c r="BD77" s="1268"/>
      <c r="BE77" s="1268"/>
      <c r="BF77" s="1268"/>
      <c r="BG77" s="1268"/>
      <c r="BH77" s="1268"/>
      <c r="BI77" s="1268"/>
      <c r="BJ77" s="1268"/>
      <c r="BK77" s="1268"/>
      <c r="BL77" s="1268"/>
      <c r="BM77" s="1268"/>
      <c r="BN77" s="1268"/>
      <c r="BO77" s="1268"/>
      <c r="BP77" s="1266">
        <v>18.2</v>
      </c>
      <c r="BQ77" s="1266"/>
      <c r="BR77" s="1266"/>
      <c r="BS77" s="1266"/>
      <c r="BT77" s="1266"/>
      <c r="BU77" s="1266"/>
      <c r="BV77" s="1266"/>
      <c r="BW77" s="1266"/>
      <c r="BX77" s="1266">
        <v>20.3</v>
      </c>
      <c r="BY77" s="1266"/>
      <c r="BZ77" s="1266"/>
      <c r="CA77" s="1266"/>
      <c r="CB77" s="1266"/>
      <c r="CC77" s="1266"/>
      <c r="CD77" s="1266"/>
      <c r="CE77" s="1266"/>
      <c r="CF77" s="1266">
        <v>15.5</v>
      </c>
      <c r="CG77" s="1266"/>
      <c r="CH77" s="1266"/>
      <c r="CI77" s="1266"/>
      <c r="CJ77" s="1266"/>
      <c r="CK77" s="1266"/>
      <c r="CL77" s="1266"/>
      <c r="CM77" s="1266"/>
      <c r="CN77" s="1266">
        <v>4.5999999999999996</v>
      </c>
      <c r="CO77" s="1266"/>
      <c r="CP77" s="1266"/>
      <c r="CQ77" s="1266"/>
      <c r="CR77" s="1266"/>
      <c r="CS77" s="1266"/>
      <c r="CT77" s="1266"/>
      <c r="CU77" s="1266"/>
      <c r="CV77" s="1266">
        <v>1.6</v>
      </c>
      <c r="CW77" s="1266"/>
      <c r="CX77" s="1266"/>
      <c r="CY77" s="1266"/>
      <c r="CZ77" s="1266"/>
      <c r="DA77" s="1266"/>
      <c r="DB77" s="1266"/>
      <c r="DC77" s="1266"/>
    </row>
    <row r="78" spans="2:107" ht="13" x14ac:dyDescent="0.2">
      <c r="B78" s="372"/>
      <c r="G78" s="1261"/>
      <c r="H78" s="1261"/>
      <c r="I78" s="1261"/>
      <c r="J78" s="1261"/>
      <c r="K78" s="1272"/>
      <c r="L78" s="1272"/>
      <c r="M78" s="1272"/>
      <c r="N78" s="1272"/>
      <c r="AN78" s="1265"/>
      <c r="AO78" s="1265"/>
      <c r="AP78" s="1265"/>
      <c r="AQ78" s="1265"/>
      <c r="AR78" s="1265"/>
      <c r="AS78" s="1265"/>
      <c r="AT78" s="1265"/>
      <c r="AU78" s="1265"/>
      <c r="AV78" s="1265"/>
      <c r="AW78" s="1265"/>
      <c r="AX78" s="1265"/>
      <c r="AY78" s="1265"/>
      <c r="AZ78" s="1265"/>
      <c r="BA78" s="1265"/>
      <c r="BB78" s="1268"/>
      <c r="BC78" s="1268"/>
      <c r="BD78" s="1268"/>
      <c r="BE78" s="1268"/>
      <c r="BF78" s="1268"/>
      <c r="BG78" s="1268"/>
      <c r="BH78" s="1268"/>
      <c r="BI78" s="1268"/>
      <c r="BJ78" s="1268"/>
      <c r="BK78" s="1268"/>
      <c r="BL78" s="1268"/>
      <c r="BM78" s="1268"/>
      <c r="BN78" s="1268"/>
      <c r="BO78" s="1268"/>
      <c r="BP78" s="1266"/>
      <c r="BQ78" s="1266"/>
      <c r="BR78" s="1266"/>
      <c r="BS78" s="1266"/>
      <c r="BT78" s="1266"/>
      <c r="BU78" s="1266"/>
      <c r="BV78" s="1266"/>
      <c r="BW78" s="1266"/>
      <c r="BX78" s="1266"/>
      <c r="BY78" s="1266"/>
      <c r="BZ78" s="1266"/>
      <c r="CA78" s="1266"/>
      <c r="CB78" s="1266"/>
      <c r="CC78" s="1266"/>
      <c r="CD78" s="1266"/>
      <c r="CE78" s="1266"/>
      <c r="CF78" s="1266"/>
      <c r="CG78" s="1266"/>
      <c r="CH78" s="1266"/>
      <c r="CI78" s="1266"/>
      <c r="CJ78" s="1266"/>
      <c r="CK78" s="1266"/>
      <c r="CL78" s="1266"/>
      <c r="CM78" s="1266"/>
      <c r="CN78" s="1266"/>
      <c r="CO78" s="1266"/>
      <c r="CP78" s="1266"/>
      <c r="CQ78" s="1266"/>
      <c r="CR78" s="1266"/>
      <c r="CS78" s="1266"/>
      <c r="CT78" s="1266"/>
      <c r="CU78" s="1266"/>
      <c r="CV78" s="1266"/>
      <c r="CW78" s="1266"/>
      <c r="CX78" s="1266"/>
      <c r="CY78" s="1266"/>
      <c r="CZ78" s="1266"/>
      <c r="DA78" s="1266"/>
      <c r="DB78" s="1266"/>
      <c r="DC78" s="1266"/>
    </row>
    <row r="79" spans="2:107" ht="13" x14ac:dyDescent="0.2">
      <c r="B79" s="372"/>
      <c r="G79" s="1261"/>
      <c r="H79" s="1261"/>
      <c r="I79" s="1270"/>
      <c r="J79" s="1270"/>
      <c r="K79" s="1273"/>
      <c r="L79" s="1273"/>
      <c r="M79" s="1273"/>
      <c r="N79" s="1273"/>
      <c r="AN79" s="1265"/>
      <c r="AO79" s="1265"/>
      <c r="AP79" s="1265"/>
      <c r="AQ79" s="1265"/>
      <c r="AR79" s="1265"/>
      <c r="AS79" s="1265"/>
      <c r="AT79" s="1265"/>
      <c r="AU79" s="1265"/>
      <c r="AV79" s="1265"/>
      <c r="AW79" s="1265"/>
      <c r="AX79" s="1265"/>
      <c r="AY79" s="1265"/>
      <c r="AZ79" s="1265"/>
      <c r="BA79" s="1265"/>
      <c r="BB79" s="1268" t="s">
        <v>610</v>
      </c>
      <c r="BC79" s="1268"/>
      <c r="BD79" s="1268"/>
      <c r="BE79" s="1268"/>
      <c r="BF79" s="1268"/>
      <c r="BG79" s="1268"/>
      <c r="BH79" s="1268"/>
      <c r="BI79" s="1268"/>
      <c r="BJ79" s="1268"/>
      <c r="BK79" s="1268"/>
      <c r="BL79" s="1268"/>
      <c r="BM79" s="1268"/>
      <c r="BN79" s="1268"/>
      <c r="BO79" s="1268"/>
      <c r="BP79" s="1266">
        <v>6.8</v>
      </c>
      <c r="BQ79" s="1266"/>
      <c r="BR79" s="1266"/>
      <c r="BS79" s="1266"/>
      <c r="BT79" s="1266"/>
      <c r="BU79" s="1266"/>
      <c r="BV79" s="1266"/>
      <c r="BW79" s="1266"/>
      <c r="BX79" s="1266">
        <v>6.6</v>
      </c>
      <c r="BY79" s="1266"/>
      <c r="BZ79" s="1266"/>
      <c r="CA79" s="1266"/>
      <c r="CB79" s="1266"/>
      <c r="CC79" s="1266"/>
      <c r="CD79" s="1266"/>
      <c r="CE79" s="1266"/>
      <c r="CF79" s="1266">
        <v>6.4</v>
      </c>
      <c r="CG79" s="1266"/>
      <c r="CH79" s="1266"/>
      <c r="CI79" s="1266"/>
      <c r="CJ79" s="1266"/>
      <c r="CK79" s="1266"/>
      <c r="CL79" s="1266"/>
      <c r="CM79" s="1266"/>
      <c r="CN79" s="1266">
        <v>6.3</v>
      </c>
      <c r="CO79" s="1266"/>
      <c r="CP79" s="1266"/>
      <c r="CQ79" s="1266"/>
      <c r="CR79" s="1266"/>
      <c r="CS79" s="1266"/>
      <c r="CT79" s="1266"/>
      <c r="CU79" s="1266"/>
      <c r="CV79" s="1266">
        <v>6.6</v>
      </c>
      <c r="CW79" s="1266"/>
      <c r="CX79" s="1266"/>
      <c r="CY79" s="1266"/>
      <c r="CZ79" s="1266"/>
      <c r="DA79" s="1266"/>
      <c r="DB79" s="1266"/>
      <c r="DC79" s="1266"/>
    </row>
    <row r="80" spans="2:107" ht="13" x14ac:dyDescent="0.2">
      <c r="B80" s="372"/>
      <c r="G80" s="1261"/>
      <c r="H80" s="1261"/>
      <c r="I80" s="1270"/>
      <c r="J80" s="1270"/>
      <c r="K80" s="1273"/>
      <c r="L80" s="1273"/>
      <c r="M80" s="1273"/>
      <c r="N80" s="1273"/>
      <c r="AN80" s="1265"/>
      <c r="AO80" s="1265"/>
      <c r="AP80" s="1265"/>
      <c r="AQ80" s="1265"/>
      <c r="AR80" s="1265"/>
      <c r="AS80" s="1265"/>
      <c r="AT80" s="1265"/>
      <c r="AU80" s="1265"/>
      <c r="AV80" s="1265"/>
      <c r="AW80" s="1265"/>
      <c r="AX80" s="1265"/>
      <c r="AY80" s="1265"/>
      <c r="AZ80" s="1265"/>
      <c r="BA80" s="1265"/>
      <c r="BB80" s="1268"/>
      <c r="BC80" s="1268"/>
      <c r="BD80" s="1268"/>
      <c r="BE80" s="1268"/>
      <c r="BF80" s="1268"/>
      <c r="BG80" s="1268"/>
      <c r="BH80" s="1268"/>
      <c r="BI80" s="1268"/>
      <c r="BJ80" s="1268"/>
      <c r="BK80" s="1268"/>
      <c r="BL80" s="1268"/>
      <c r="BM80" s="1268"/>
      <c r="BN80" s="1268"/>
      <c r="BO80" s="1268"/>
      <c r="BP80" s="1266"/>
      <c r="BQ80" s="1266"/>
      <c r="BR80" s="1266"/>
      <c r="BS80" s="1266"/>
      <c r="BT80" s="1266"/>
      <c r="BU80" s="1266"/>
      <c r="BV80" s="1266"/>
      <c r="BW80" s="1266"/>
      <c r="BX80" s="1266"/>
      <c r="BY80" s="1266"/>
      <c r="BZ80" s="1266"/>
      <c r="CA80" s="1266"/>
      <c r="CB80" s="1266"/>
      <c r="CC80" s="1266"/>
      <c r="CD80" s="1266"/>
      <c r="CE80" s="1266"/>
      <c r="CF80" s="1266"/>
      <c r="CG80" s="1266"/>
      <c r="CH80" s="1266"/>
      <c r="CI80" s="1266"/>
      <c r="CJ80" s="1266"/>
      <c r="CK80" s="1266"/>
      <c r="CL80" s="1266"/>
      <c r="CM80" s="1266"/>
      <c r="CN80" s="1266"/>
      <c r="CO80" s="1266"/>
      <c r="CP80" s="1266"/>
      <c r="CQ80" s="1266"/>
      <c r="CR80" s="1266"/>
      <c r="CS80" s="1266"/>
      <c r="CT80" s="1266"/>
      <c r="CU80" s="1266"/>
      <c r="CV80" s="1266"/>
      <c r="CW80" s="1266"/>
      <c r="CX80" s="1266"/>
      <c r="CY80" s="1266"/>
      <c r="CZ80" s="1266"/>
      <c r="DA80" s="1266"/>
      <c r="DB80" s="1266"/>
      <c r="DC80" s="1266"/>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SXF0df1A8DEYEoTrlwmuDupqCv/FviSfxrfJtmQU/emNBdGiy+NC7ZBHsstOVichWB1H+fMf0pYc8G608lr+uw==" saltValue="R9/WH1VqDuxx/Wrt7a9mj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56" customWidth="1"/>
    <col min="35" max="122" width="2.453125" style="255" customWidth="1"/>
    <col min="123" max="16384" width="2.4531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 x14ac:dyDescent="0.2">
      <c r="S2" s="255"/>
      <c r="AH2" s="255"/>
    </row>
    <row r="3" spans="1:34"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 x14ac:dyDescent="0.2"/>
    <row r="5" spans="1:34" ht="13" x14ac:dyDescent="0.2"/>
    <row r="6" spans="1:34" ht="13" x14ac:dyDescent="0.2"/>
    <row r="7" spans="1:34" ht="13" x14ac:dyDescent="0.2"/>
    <row r="8" spans="1:34" ht="13" x14ac:dyDescent="0.2"/>
    <row r="9" spans="1:34" ht="13" x14ac:dyDescent="0.2">
      <c r="AH9" s="255"/>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5"/>
    </row>
    <row r="18" spans="12:34" ht="13" x14ac:dyDescent="0.2"/>
    <row r="19" spans="12:34" ht="13" x14ac:dyDescent="0.2"/>
    <row r="20" spans="12:34" ht="13" x14ac:dyDescent="0.2">
      <c r="AH20" s="255"/>
    </row>
    <row r="21" spans="12:34" ht="13" x14ac:dyDescent="0.2">
      <c r="AH21" s="255"/>
    </row>
    <row r="22" spans="12:34" ht="13" x14ac:dyDescent="0.2"/>
    <row r="23" spans="12:34" ht="13" x14ac:dyDescent="0.2"/>
    <row r="24" spans="12:34" ht="13" x14ac:dyDescent="0.2">
      <c r="Q24" s="255"/>
    </row>
    <row r="25" spans="12:34" ht="13" x14ac:dyDescent="0.2"/>
    <row r="26" spans="12:34" ht="13" x14ac:dyDescent="0.2"/>
    <row r="27" spans="12:34" ht="13" x14ac:dyDescent="0.2"/>
    <row r="28" spans="12:34" ht="13" x14ac:dyDescent="0.2">
      <c r="O28" s="255"/>
      <c r="T28" s="255"/>
      <c r="AH28" s="255"/>
    </row>
    <row r="29" spans="12:34" ht="13" x14ac:dyDescent="0.2"/>
    <row r="30" spans="12:34" ht="13" x14ac:dyDescent="0.2"/>
    <row r="31" spans="12:34" ht="13" x14ac:dyDescent="0.2">
      <c r="Q31" s="255"/>
    </row>
    <row r="32" spans="12:34" ht="13" x14ac:dyDescent="0.2">
      <c r="L32" s="255"/>
    </row>
    <row r="33" spans="2:34" ht="13" x14ac:dyDescent="0.2">
      <c r="C33" s="255"/>
      <c r="E33" s="255"/>
      <c r="G33" s="255"/>
      <c r="I33" s="255"/>
      <c r="X33" s="255"/>
    </row>
    <row r="34" spans="2:34" ht="13" x14ac:dyDescent="0.2">
      <c r="B34" s="255"/>
      <c r="P34" s="255"/>
      <c r="R34" s="255"/>
      <c r="T34" s="255"/>
    </row>
    <row r="35" spans="2:34" ht="13" x14ac:dyDescent="0.2">
      <c r="D35" s="255"/>
      <c r="W35" s="255"/>
      <c r="AC35" s="255"/>
      <c r="AD35" s="255"/>
      <c r="AE35" s="255"/>
      <c r="AF35" s="255"/>
      <c r="AG35" s="255"/>
      <c r="AH35" s="255"/>
    </row>
    <row r="36" spans="2:34" ht="13" x14ac:dyDescent="0.2">
      <c r="H36" s="255"/>
      <c r="J36" s="255"/>
      <c r="K36" s="255"/>
      <c r="M36" s="255"/>
      <c r="Y36" s="255"/>
      <c r="Z36" s="255"/>
      <c r="AA36" s="255"/>
      <c r="AB36" s="255"/>
      <c r="AC36" s="255"/>
      <c r="AD36" s="255"/>
      <c r="AE36" s="255"/>
      <c r="AF36" s="255"/>
      <c r="AG36" s="255"/>
      <c r="AH36" s="255"/>
    </row>
    <row r="37" spans="2:34" ht="13" x14ac:dyDescent="0.2">
      <c r="AH37" s="255"/>
    </row>
    <row r="38" spans="2:34" ht="13" x14ac:dyDescent="0.2">
      <c r="AG38" s="255"/>
      <c r="AH38" s="255"/>
    </row>
    <row r="39" spans="2:34" ht="13" x14ac:dyDescent="0.2"/>
    <row r="40" spans="2:34" ht="13" x14ac:dyDescent="0.2">
      <c r="X40" s="255"/>
    </row>
    <row r="41" spans="2:34" ht="13" x14ac:dyDescent="0.2">
      <c r="R41" s="255"/>
    </row>
    <row r="42" spans="2:34" ht="13" x14ac:dyDescent="0.2">
      <c r="W42" s="255"/>
    </row>
    <row r="43" spans="2:34" ht="13" x14ac:dyDescent="0.2">
      <c r="Y43" s="255"/>
      <c r="Z43" s="255"/>
      <c r="AA43" s="255"/>
      <c r="AB43" s="255"/>
      <c r="AC43" s="255"/>
      <c r="AD43" s="255"/>
      <c r="AE43" s="255"/>
      <c r="AF43" s="255"/>
      <c r="AG43" s="255"/>
      <c r="AH43" s="255"/>
    </row>
    <row r="44" spans="2:34" ht="13" x14ac:dyDescent="0.2">
      <c r="AH44" s="255"/>
    </row>
    <row r="45" spans="2:34" ht="13" x14ac:dyDescent="0.2">
      <c r="X45" s="255"/>
    </row>
    <row r="46" spans="2:34" ht="13" x14ac:dyDescent="0.2"/>
    <row r="47" spans="2:34" ht="13" x14ac:dyDescent="0.2"/>
    <row r="48" spans="2:34" ht="13" x14ac:dyDescent="0.2">
      <c r="W48" s="255"/>
      <c r="Y48" s="255"/>
      <c r="Z48" s="255"/>
      <c r="AA48" s="255"/>
      <c r="AB48" s="255"/>
      <c r="AC48" s="255"/>
      <c r="AD48" s="255"/>
      <c r="AE48" s="255"/>
      <c r="AF48" s="255"/>
      <c r="AG48" s="255"/>
      <c r="AH48" s="255"/>
    </row>
    <row r="49" spans="28:34" ht="13" x14ac:dyDescent="0.2"/>
    <row r="50" spans="28:34" ht="13" x14ac:dyDescent="0.2">
      <c r="AE50" s="255"/>
      <c r="AF50" s="255"/>
      <c r="AG50" s="255"/>
      <c r="AH50" s="255"/>
    </row>
    <row r="51" spans="28:34" ht="13" x14ac:dyDescent="0.2">
      <c r="AC51" s="255"/>
      <c r="AD51" s="255"/>
      <c r="AE51" s="255"/>
      <c r="AF51" s="255"/>
      <c r="AG51" s="255"/>
      <c r="AH51" s="255"/>
    </row>
    <row r="52" spans="28:34" ht="13" x14ac:dyDescent="0.2"/>
    <row r="53" spans="28:34" ht="13" x14ac:dyDescent="0.2">
      <c r="AF53" s="255"/>
      <c r="AG53" s="255"/>
      <c r="AH53" s="255"/>
    </row>
    <row r="54" spans="28:34" ht="13" x14ac:dyDescent="0.2">
      <c r="AH54" s="255"/>
    </row>
    <row r="55" spans="28:34" ht="13" x14ac:dyDescent="0.2"/>
    <row r="56" spans="28:34" ht="13" x14ac:dyDescent="0.2">
      <c r="AB56" s="255"/>
      <c r="AC56" s="255"/>
      <c r="AD56" s="255"/>
      <c r="AE56" s="255"/>
      <c r="AF56" s="255"/>
      <c r="AG56" s="255"/>
      <c r="AH56" s="255"/>
    </row>
    <row r="57" spans="28:34" ht="13" x14ac:dyDescent="0.2">
      <c r="AH57" s="255"/>
    </row>
    <row r="58" spans="28:34" ht="13" x14ac:dyDescent="0.2">
      <c r="AH58" s="255"/>
    </row>
    <row r="59" spans="28:34" ht="13" x14ac:dyDescent="0.2"/>
    <row r="60" spans="28:34" ht="13" x14ac:dyDescent="0.2"/>
    <row r="61" spans="28:34" ht="13" x14ac:dyDescent="0.2"/>
    <row r="62" spans="28:34" ht="13" x14ac:dyDescent="0.2"/>
    <row r="63" spans="28:34" ht="13" x14ac:dyDescent="0.2">
      <c r="AH63" s="255"/>
    </row>
    <row r="64" spans="28:34" ht="13" x14ac:dyDescent="0.2">
      <c r="AG64" s="255"/>
      <c r="AH64" s="255"/>
    </row>
    <row r="65" spans="28:34" ht="13" x14ac:dyDescent="0.2"/>
    <row r="66" spans="28:34" ht="13" x14ac:dyDescent="0.2"/>
    <row r="67" spans="28:34" ht="13" x14ac:dyDescent="0.2"/>
    <row r="68" spans="28:34" ht="13" x14ac:dyDescent="0.2">
      <c r="AB68" s="255"/>
      <c r="AC68" s="255"/>
      <c r="AD68" s="255"/>
      <c r="AE68" s="255"/>
      <c r="AF68" s="255"/>
      <c r="AG68" s="255"/>
      <c r="AH68" s="255"/>
    </row>
    <row r="69" spans="28:34" ht="13" x14ac:dyDescent="0.2">
      <c r="AF69" s="255"/>
      <c r="AG69" s="255"/>
      <c r="AH69" s="255"/>
    </row>
    <row r="70" spans="28:34" ht="13" x14ac:dyDescent="0.2"/>
    <row r="71" spans="28:34" ht="13" x14ac:dyDescent="0.2"/>
    <row r="72" spans="28:34" ht="13" x14ac:dyDescent="0.2"/>
    <row r="73" spans="28:34" ht="13" x14ac:dyDescent="0.2"/>
    <row r="74" spans="28:34" ht="13" x14ac:dyDescent="0.2"/>
    <row r="75" spans="28:34" ht="13" x14ac:dyDescent="0.2">
      <c r="AH75" s="255"/>
    </row>
    <row r="76" spans="28:34" ht="13" x14ac:dyDescent="0.2">
      <c r="AF76" s="255"/>
      <c r="AG76" s="255"/>
      <c r="AH76" s="255"/>
    </row>
    <row r="77" spans="28:34" ht="13" x14ac:dyDescent="0.2">
      <c r="AG77" s="255"/>
      <c r="AH77" s="255"/>
    </row>
    <row r="78" spans="28:34" ht="13" x14ac:dyDescent="0.2"/>
    <row r="79" spans="28:34" ht="13" x14ac:dyDescent="0.2"/>
    <row r="80" spans="28:34" ht="13" x14ac:dyDescent="0.2"/>
    <row r="81" spans="25:34" ht="13" x14ac:dyDescent="0.2"/>
    <row r="82" spans="25:34" ht="13" x14ac:dyDescent="0.2">
      <c r="Y82" s="255"/>
    </row>
    <row r="83" spans="25:34" ht="13" x14ac:dyDescent="0.2">
      <c r="Y83" s="255"/>
      <c r="Z83" s="255"/>
      <c r="AA83" s="255"/>
      <c r="AB83" s="255"/>
      <c r="AC83" s="255"/>
      <c r="AD83" s="255"/>
      <c r="AE83" s="255"/>
      <c r="AF83" s="255"/>
      <c r="AG83" s="255"/>
      <c r="AH83" s="255"/>
    </row>
    <row r="84" spans="25:34" ht="13" x14ac:dyDescent="0.2"/>
    <row r="85" spans="25:34" ht="13" x14ac:dyDescent="0.2"/>
    <row r="86" spans="25:34" ht="13" x14ac:dyDescent="0.2"/>
    <row r="87" spans="25:34" ht="13" x14ac:dyDescent="0.2"/>
    <row r="88" spans="25:34" ht="13" x14ac:dyDescent="0.2">
      <c r="AH88" s="25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6</v>
      </c>
    </row>
  </sheetData>
  <sheetProtection algorithmName="SHA-512" hashValue="K9IxuBrQdrd9INSTpAnhmX1fwAB2GhZdag6PWxl8+vtwMJzDIMVePwi2jK+Z8ul3L3XGwI8no3aKBnkRyFRUvA==" saltValue="EJK5yttPGeqMXQJu53pN7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56" customWidth="1"/>
    <col min="35" max="122" width="2.453125" style="255" customWidth="1"/>
    <col min="123" max="16384" width="2.4531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 x14ac:dyDescent="0.2">
      <c r="S2" s="255"/>
      <c r="AH2" s="255"/>
    </row>
    <row r="3" spans="2:34"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 x14ac:dyDescent="0.2"/>
    <row r="5" spans="2:34" ht="13" x14ac:dyDescent="0.2"/>
    <row r="6" spans="2:34" ht="13" x14ac:dyDescent="0.2"/>
    <row r="7" spans="2:34" ht="13" x14ac:dyDescent="0.2"/>
    <row r="8" spans="2:34" ht="13" x14ac:dyDescent="0.2"/>
    <row r="9" spans="2:34" ht="13" x14ac:dyDescent="0.2">
      <c r="AH9" s="255"/>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5"/>
    </row>
    <row r="18" spans="12:34" ht="13" x14ac:dyDescent="0.2"/>
    <row r="19" spans="12:34" ht="13" x14ac:dyDescent="0.2"/>
    <row r="20" spans="12:34" ht="13" x14ac:dyDescent="0.2">
      <c r="AH20" s="255"/>
    </row>
    <row r="21" spans="12:34" ht="13" x14ac:dyDescent="0.2">
      <c r="AH21" s="255"/>
    </row>
    <row r="22" spans="12:34" ht="13" x14ac:dyDescent="0.2"/>
    <row r="23" spans="12:34" ht="13" x14ac:dyDescent="0.2"/>
    <row r="24" spans="12:34" ht="13" x14ac:dyDescent="0.2">
      <c r="Q24" s="255"/>
    </row>
    <row r="25" spans="12:34" ht="13" x14ac:dyDescent="0.2"/>
    <row r="26" spans="12:34" ht="13" x14ac:dyDescent="0.2"/>
    <row r="27" spans="12:34" ht="13" x14ac:dyDescent="0.2"/>
    <row r="28" spans="12:34" ht="13" x14ac:dyDescent="0.2">
      <c r="O28" s="255"/>
      <c r="T28" s="255"/>
      <c r="AH28" s="255"/>
    </row>
    <row r="29" spans="12:34" ht="13" x14ac:dyDescent="0.2"/>
    <row r="30" spans="12:34" ht="13" x14ac:dyDescent="0.2"/>
    <row r="31" spans="12:34" ht="13" x14ac:dyDescent="0.2">
      <c r="Q31" s="255"/>
    </row>
    <row r="32" spans="12:34" ht="13" x14ac:dyDescent="0.2">
      <c r="L32" s="255"/>
    </row>
    <row r="33" spans="2:34" ht="13" x14ac:dyDescent="0.2">
      <c r="C33" s="255"/>
      <c r="E33" s="255"/>
      <c r="G33" s="255"/>
      <c r="I33" s="255"/>
      <c r="X33" s="255"/>
    </row>
    <row r="34" spans="2:34" ht="13" x14ac:dyDescent="0.2">
      <c r="B34" s="255"/>
      <c r="P34" s="255"/>
      <c r="R34" s="255"/>
      <c r="T34" s="255"/>
    </row>
    <row r="35" spans="2:34" ht="13" x14ac:dyDescent="0.2">
      <c r="D35" s="255"/>
      <c r="W35" s="255"/>
      <c r="AC35" s="255"/>
      <c r="AD35" s="255"/>
      <c r="AE35" s="255"/>
      <c r="AF35" s="255"/>
      <c r="AG35" s="255"/>
      <c r="AH35" s="255"/>
    </row>
    <row r="36" spans="2:34" ht="13" x14ac:dyDescent="0.2">
      <c r="H36" s="255"/>
      <c r="J36" s="255"/>
      <c r="K36" s="255"/>
      <c r="M36" s="255"/>
      <c r="Y36" s="255"/>
      <c r="Z36" s="255"/>
      <c r="AA36" s="255"/>
      <c r="AB36" s="255"/>
      <c r="AC36" s="255"/>
      <c r="AD36" s="255"/>
      <c r="AE36" s="255"/>
      <c r="AF36" s="255"/>
      <c r="AG36" s="255"/>
      <c r="AH36" s="255"/>
    </row>
    <row r="37" spans="2:34" ht="13" x14ac:dyDescent="0.2">
      <c r="AH37" s="255"/>
    </row>
    <row r="38" spans="2:34" ht="13" x14ac:dyDescent="0.2">
      <c r="AG38" s="255"/>
      <c r="AH38" s="255"/>
    </row>
    <row r="39" spans="2:34" ht="13" x14ac:dyDescent="0.2"/>
    <row r="40" spans="2:34" ht="13" x14ac:dyDescent="0.2">
      <c r="X40" s="255"/>
    </row>
    <row r="41" spans="2:34" ht="13" x14ac:dyDescent="0.2">
      <c r="R41" s="255"/>
    </row>
    <row r="42" spans="2:34" ht="13" x14ac:dyDescent="0.2">
      <c r="W42" s="255"/>
    </row>
    <row r="43" spans="2:34" ht="13" x14ac:dyDescent="0.2">
      <c r="Y43" s="255"/>
      <c r="Z43" s="255"/>
      <c r="AA43" s="255"/>
      <c r="AB43" s="255"/>
      <c r="AC43" s="255"/>
      <c r="AD43" s="255"/>
      <c r="AE43" s="255"/>
      <c r="AF43" s="255"/>
      <c r="AG43" s="255"/>
      <c r="AH43" s="255"/>
    </row>
    <row r="44" spans="2:34" ht="13" x14ac:dyDescent="0.2">
      <c r="AH44" s="255"/>
    </row>
    <row r="45" spans="2:34" ht="13" x14ac:dyDescent="0.2">
      <c r="X45" s="255"/>
    </row>
    <row r="46" spans="2:34" ht="13" x14ac:dyDescent="0.2"/>
    <row r="47" spans="2:34" ht="13" x14ac:dyDescent="0.2"/>
    <row r="48" spans="2:34" ht="13" x14ac:dyDescent="0.2">
      <c r="W48" s="255"/>
      <c r="Y48" s="255"/>
      <c r="Z48" s="255"/>
      <c r="AA48" s="255"/>
      <c r="AB48" s="255"/>
      <c r="AC48" s="255"/>
      <c r="AD48" s="255"/>
      <c r="AE48" s="255"/>
      <c r="AF48" s="255"/>
      <c r="AG48" s="255"/>
      <c r="AH48" s="255"/>
    </row>
    <row r="49" spans="28:34" ht="13" x14ac:dyDescent="0.2"/>
    <row r="50" spans="28:34" ht="13" x14ac:dyDescent="0.2">
      <c r="AE50" s="255"/>
      <c r="AF50" s="255"/>
      <c r="AG50" s="255"/>
      <c r="AH50" s="255"/>
    </row>
    <row r="51" spans="28:34" ht="13" x14ac:dyDescent="0.2">
      <c r="AC51" s="255"/>
      <c r="AD51" s="255"/>
      <c r="AE51" s="255"/>
      <c r="AF51" s="255"/>
      <c r="AG51" s="255"/>
      <c r="AH51" s="255"/>
    </row>
    <row r="52" spans="28:34" ht="13" x14ac:dyDescent="0.2"/>
    <row r="53" spans="28:34" ht="13" x14ac:dyDescent="0.2">
      <c r="AF53" s="255"/>
      <c r="AG53" s="255"/>
      <c r="AH53" s="255"/>
    </row>
    <row r="54" spans="28:34" ht="13" x14ac:dyDescent="0.2">
      <c r="AH54" s="255"/>
    </row>
    <row r="55" spans="28:34" ht="13" x14ac:dyDescent="0.2"/>
    <row r="56" spans="28:34" ht="13" x14ac:dyDescent="0.2">
      <c r="AB56" s="255"/>
      <c r="AC56" s="255"/>
      <c r="AD56" s="255"/>
      <c r="AE56" s="255"/>
      <c r="AF56" s="255"/>
      <c r="AG56" s="255"/>
      <c r="AH56" s="255"/>
    </row>
    <row r="57" spans="28:34" ht="13" x14ac:dyDescent="0.2">
      <c r="AH57" s="255"/>
    </row>
    <row r="58" spans="28:34" ht="13" x14ac:dyDescent="0.2">
      <c r="AH58" s="255"/>
    </row>
    <row r="59" spans="28:34" ht="13" x14ac:dyDescent="0.2">
      <c r="AG59" s="255"/>
      <c r="AH59" s="255"/>
    </row>
    <row r="60" spans="28:34" ht="13" x14ac:dyDescent="0.2"/>
    <row r="61" spans="28:34" ht="13" x14ac:dyDescent="0.2"/>
    <row r="62" spans="28:34" ht="13" x14ac:dyDescent="0.2"/>
    <row r="63" spans="28:34" ht="13" x14ac:dyDescent="0.2">
      <c r="AH63" s="255"/>
    </row>
    <row r="64" spans="28:34" ht="13" x14ac:dyDescent="0.2">
      <c r="AG64" s="255"/>
      <c r="AH64" s="255"/>
    </row>
    <row r="65" spans="28:34" ht="13" x14ac:dyDescent="0.2"/>
    <row r="66" spans="28:34" ht="13" x14ac:dyDescent="0.2"/>
    <row r="67" spans="28:34" ht="13" x14ac:dyDescent="0.2"/>
    <row r="68" spans="28:34" ht="13" x14ac:dyDescent="0.2">
      <c r="AB68" s="255"/>
      <c r="AC68" s="255"/>
      <c r="AD68" s="255"/>
      <c r="AE68" s="255"/>
      <c r="AF68" s="255"/>
      <c r="AG68" s="255"/>
      <c r="AH68" s="255"/>
    </row>
    <row r="69" spans="28:34" ht="13" x14ac:dyDescent="0.2">
      <c r="AF69" s="255"/>
      <c r="AG69" s="255"/>
      <c r="AH69" s="255"/>
    </row>
    <row r="70" spans="28:34" ht="13" x14ac:dyDescent="0.2"/>
    <row r="71" spans="28:34" ht="13" x14ac:dyDescent="0.2"/>
    <row r="72" spans="28:34" ht="13" x14ac:dyDescent="0.2"/>
    <row r="73" spans="28:34" ht="13" x14ac:dyDescent="0.2"/>
    <row r="74" spans="28:34" ht="13" x14ac:dyDescent="0.2"/>
    <row r="75" spans="28:34" ht="13" x14ac:dyDescent="0.2">
      <c r="AH75" s="255"/>
    </row>
    <row r="76" spans="28:34" ht="13" x14ac:dyDescent="0.2">
      <c r="AF76" s="255"/>
      <c r="AG76" s="255"/>
      <c r="AH76" s="255"/>
    </row>
    <row r="77" spans="28:34" ht="13" x14ac:dyDescent="0.2">
      <c r="AG77" s="255"/>
      <c r="AH77" s="255"/>
    </row>
    <row r="78" spans="28:34" ht="13" x14ac:dyDescent="0.2"/>
    <row r="79" spans="28:34" ht="13" x14ac:dyDescent="0.2"/>
    <row r="80" spans="28:34" ht="13" x14ac:dyDescent="0.2"/>
    <row r="81" spans="25:34" ht="13" x14ac:dyDescent="0.2"/>
    <row r="82" spans="25:34" ht="13" x14ac:dyDescent="0.2">
      <c r="Y82" s="255"/>
    </row>
    <row r="83" spans="25:34" ht="13" x14ac:dyDescent="0.2">
      <c r="Y83" s="255"/>
      <c r="Z83" s="255"/>
      <c r="AA83" s="255"/>
      <c r="AB83" s="255"/>
      <c r="AC83" s="255"/>
      <c r="AD83" s="255"/>
      <c r="AE83" s="255"/>
      <c r="AF83" s="255"/>
      <c r="AG83" s="255"/>
      <c r="AH83" s="255"/>
    </row>
    <row r="84" spans="25:34" ht="13" x14ac:dyDescent="0.2"/>
    <row r="85" spans="25:34" ht="13" x14ac:dyDescent="0.2"/>
    <row r="86" spans="25:34" ht="13" x14ac:dyDescent="0.2"/>
    <row r="87" spans="25:34" ht="13" x14ac:dyDescent="0.2"/>
    <row r="88" spans="25:34" ht="13" x14ac:dyDescent="0.2">
      <c r="AH88" s="25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6</v>
      </c>
    </row>
  </sheetData>
  <sheetProtection algorithmName="SHA-512" hashValue="cZLHy3HXaNlnd/ikudc/Hyw+KDBlwPYVNI4wsOrOCX282nuCJsTeDgcG5gx62I8ReILPVwbA/6skw/ITfqg8Sg==" saltValue="jKG6LhmgRsubKlAOC6SEo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0" customWidth="1"/>
    <col min="2" max="8" width="13.36328125" style="140" customWidth="1"/>
    <col min="9" max="16384" width="11.08984375" style="140"/>
  </cols>
  <sheetData>
    <row r="1" spans="1:8" x14ac:dyDescent="0.2">
      <c r="A1" s="134"/>
      <c r="B1" s="135"/>
      <c r="C1" s="136"/>
      <c r="D1" s="137"/>
      <c r="E1" s="138"/>
      <c r="F1" s="138"/>
      <c r="G1" s="138"/>
      <c r="H1" s="139"/>
    </row>
    <row r="2" spans="1:8" x14ac:dyDescent="0.2">
      <c r="A2" s="141"/>
      <c r="B2" s="142"/>
      <c r="C2" s="143"/>
      <c r="D2" s="144" t="s">
        <v>54</v>
      </c>
      <c r="E2" s="145"/>
      <c r="F2" s="146" t="s">
        <v>566</v>
      </c>
      <c r="G2" s="147"/>
      <c r="H2" s="148"/>
    </row>
    <row r="3" spans="1:8" x14ac:dyDescent="0.2">
      <c r="A3" s="144" t="s">
        <v>559</v>
      </c>
      <c r="B3" s="149"/>
      <c r="C3" s="150"/>
      <c r="D3" s="151">
        <v>11584</v>
      </c>
      <c r="E3" s="152"/>
      <c r="F3" s="153">
        <v>47387</v>
      </c>
      <c r="G3" s="154"/>
      <c r="H3" s="155"/>
    </row>
    <row r="4" spans="1:8" x14ac:dyDescent="0.2">
      <c r="A4" s="156"/>
      <c r="B4" s="157"/>
      <c r="C4" s="158"/>
      <c r="D4" s="159">
        <v>9837</v>
      </c>
      <c r="E4" s="160"/>
      <c r="F4" s="161">
        <v>24928</v>
      </c>
      <c r="G4" s="162"/>
      <c r="H4" s="163"/>
    </row>
    <row r="5" spans="1:8" x14ac:dyDescent="0.2">
      <c r="A5" s="144" t="s">
        <v>561</v>
      </c>
      <c r="B5" s="149"/>
      <c r="C5" s="150"/>
      <c r="D5" s="151">
        <v>48267</v>
      </c>
      <c r="E5" s="152"/>
      <c r="F5" s="153">
        <v>51264</v>
      </c>
      <c r="G5" s="154"/>
      <c r="H5" s="155"/>
    </row>
    <row r="6" spans="1:8" x14ac:dyDescent="0.2">
      <c r="A6" s="156"/>
      <c r="B6" s="157"/>
      <c r="C6" s="158"/>
      <c r="D6" s="159">
        <v>32176</v>
      </c>
      <c r="E6" s="160"/>
      <c r="F6" s="161">
        <v>26040</v>
      </c>
      <c r="G6" s="162"/>
      <c r="H6" s="163"/>
    </row>
    <row r="7" spans="1:8" x14ac:dyDescent="0.2">
      <c r="A7" s="144" t="s">
        <v>562</v>
      </c>
      <c r="B7" s="149"/>
      <c r="C7" s="150"/>
      <c r="D7" s="151">
        <v>15806</v>
      </c>
      <c r="E7" s="152"/>
      <c r="F7" s="153">
        <v>52068</v>
      </c>
      <c r="G7" s="154"/>
      <c r="H7" s="155"/>
    </row>
    <row r="8" spans="1:8" x14ac:dyDescent="0.2">
      <c r="A8" s="156"/>
      <c r="B8" s="157"/>
      <c r="C8" s="158"/>
      <c r="D8" s="159">
        <v>13463</v>
      </c>
      <c r="E8" s="160"/>
      <c r="F8" s="161">
        <v>26936</v>
      </c>
      <c r="G8" s="162"/>
      <c r="H8" s="163"/>
    </row>
    <row r="9" spans="1:8" x14ac:dyDescent="0.2">
      <c r="A9" s="144" t="s">
        <v>563</v>
      </c>
      <c r="B9" s="149"/>
      <c r="C9" s="150"/>
      <c r="D9" s="151">
        <v>10714</v>
      </c>
      <c r="E9" s="152"/>
      <c r="F9" s="153">
        <v>47161</v>
      </c>
      <c r="G9" s="154"/>
      <c r="H9" s="155"/>
    </row>
    <row r="10" spans="1:8" x14ac:dyDescent="0.2">
      <c r="A10" s="156"/>
      <c r="B10" s="157"/>
      <c r="C10" s="158"/>
      <c r="D10" s="159">
        <v>8008</v>
      </c>
      <c r="E10" s="160"/>
      <c r="F10" s="161">
        <v>24595</v>
      </c>
      <c r="G10" s="162"/>
      <c r="H10" s="163"/>
    </row>
    <row r="11" spans="1:8" x14ac:dyDescent="0.2">
      <c r="A11" s="144" t="s">
        <v>564</v>
      </c>
      <c r="B11" s="149"/>
      <c r="C11" s="150"/>
      <c r="D11" s="151">
        <v>18319</v>
      </c>
      <c r="E11" s="152"/>
      <c r="F11" s="153">
        <v>43423</v>
      </c>
      <c r="G11" s="154"/>
      <c r="H11" s="155"/>
    </row>
    <row r="12" spans="1:8" x14ac:dyDescent="0.2">
      <c r="A12" s="156"/>
      <c r="B12" s="157"/>
      <c r="C12" s="164"/>
      <c r="D12" s="159">
        <v>13847</v>
      </c>
      <c r="E12" s="160"/>
      <c r="F12" s="161">
        <v>22207</v>
      </c>
      <c r="G12" s="162"/>
      <c r="H12" s="163"/>
    </row>
    <row r="13" spans="1:8" x14ac:dyDescent="0.2">
      <c r="A13" s="144"/>
      <c r="B13" s="149"/>
      <c r="C13" s="165"/>
      <c r="D13" s="166">
        <v>20938</v>
      </c>
      <c r="E13" s="167"/>
      <c r="F13" s="168">
        <v>48261</v>
      </c>
      <c r="G13" s="169"/>
      <c r="H13" s="155"/>
    </row>
    <row r="14" spans="1:8" x14ac:dyDescent="0.2">
      <c r="A14" s="156"/>
      <c r="B14" s="157"/>
      <c r="C14" s="158"/>
      <c r="D14" s="159">
        <v>15466</v>
      </c>
      <c r="E14" s="160"/>
      <c r="F14" s="161">
        <v>24941</v>
      </c>
      <c r="G14" s="162"/>
      <c r="H14" s="163"/>
    </row>
    <row r="17" spans="1:11" x14ac:dyDescent="0.2">
      <c r="A17" s="140" t="s">
        <v>55</v>
      </c>
    </row>
    <row r="18" spans="1:11" x14ac:dyDescent="0.2">
      <c r="A18" s="170"/>
      <c r="B18" s="170" t="str">
        <f>実質収支比率等に係る経年分析!F$46</f>
        <v>H30</v>
      </c>
      <c r="C18" s="170" t="str">
        <f>実質収支比率等に係る経年分析!G$46</f>
        <v>R01</v>
      </c>
      <c r="D18" s="170" t="str">
        <f>実質収支比率等に係る経年分析!H$46</f>
        <v>R02</v>
      </c>
      <c r="E18" s="170" t="str">
        <f>実質収支比率等に係る経年分析!I$46</f>
        <v>R03</v>
      </c>
      <c r="F18" s="170" t="str">
        <f>実質収支比率等に係る経年分析!J$46</f>
        <v>R04</v>
      </c>
    </row>
    <row r="19" spans="1:11" x14ac:dyDescent="0.2">
      <c r="A19" s="170" t="s">
        <v>56</v>
      </c>
      <c r="B19" s="170">
        <f>ROUND(VALUE(SUBSTITUTE(実質収支比率等に係る経年分析!F$48,"▲","-")),2)</f>
        <v>4.37</v>
      </c>
      <c r="C19" s="170">
        <f>ROUND(VALUE(SUBSTITUTE(実質収支比率等に係る経年分析!G$48,"▲","-")),2)</f>
        <v>4.91</v>
      </c>
      <c r="D19" s="170">
        <f>ROUND(VALUE(SUBSTITUTE(実質収支比率等に係る経年分析!H$48,"▲","-")),2)</f>
        <v>6.6</v>
      </c>
      <c r="E19" s="170">
        <f>ROUND(VALUE(SUBSTITUTE(実質収支比率等に係る経年分析!I$48,"▲","-")),2)</f>
        <v>8.23</v>
      </c>
      <c r="F19" s="170">
        <f>ROUND(VALUE(SUBSTITUTE(実質収支比率等に係る経年分析!J$48,"▲","-")),2)</f>
        <v>7.78</v>
      </c>
    </row>
    <row r="20" spans="1:11" x14ac:dyDescent="0.2">
      <c r="A20" s="170" t="s">
        <v>57</v>
      </c>
      <c r="B20" s="170">
        <f>ROUND(VALUE(SUBSTITUTE(実質収支比率等に係る経年分析!F$47,"▲","-")),2)</f>
        <v>15.24</v>
      </c>
      <c r="C20" s="170">
        <f>ROUND(VALUE(SUBSTITUTE(実質収支比率等に係る経年分析!G$47,"▲","-")),2)</f>
        <v>16.21</v>
      </c>
      <c r="D20" s="170">
        <f>ROUND(VALUE(SUBSTITUTE(実質収支比率等に係る経年分析!H$47,"▲","-")),2)</f>
        <v>14.06</v>
      </c>
      <c r="E20" s="170">
        <f>ROUND(VALUE(SUBSTITUTE(実質収支比率等に係る経年分析!I$47,"▲","-")),2)</f>
        <v>14.84</v>
      </c>
      <c r="F20" s="170">
        <f>ROUND(VALUE(SUBSTITUTE(実質収支比率等に係る経年分析!J$47,"▲","-")),2)</f>
        <v>16.010000000000002</v>
      </c>
    </row>
    <row r="21" spans="1:11" x14ac:dyDescent="0.2">
      <c r="A21" s="170" t="s">
        <v>58</v>
      </c>
      <c r="B21" s="170">
        <f>IF(ISNUMBER(VALUE(SUBSTITUTE(実質収支比率等に係る経年分析!F$49,"▲","-"))),ROUND(VALUE(SUBSTITUTE(実質収支比率等に係る経年分析!F$49,"▲","-")),2),NA())</f>
        <v>0.61</v>
      </c>
      <c r="C21" s="170">
        <f>IF(ISNUMBER(VALUE(SUBSTITUTE(実質収支比率等に係る経年分析!G$49,"▲","-"))),ROUND(VALUE(SUBSTITUTE(実質収支比率等に係る経年分析!G$49,"▲","-")),2),NA())</f>
        <v>1.56</v>
      </c>
      <c r="D21" s="170">
        <f>IF(ISNUMBER(VALUE(SUBSTITUTE(実質収支比率等に係る経年分析!H$49,"▲","-"))),ROUND(VALUE(SUBSTITUTE(実質収支比率等に係る経年分析!H$49,"▲","-")),2),NA())</f>
        <v>0.18</v>
      </c>
      <c r="E21" s="170">
        <f>IF(ISNUMBER(VALUE(SUBSTITUTE(実質収支比率等に係る経年分析!I$49,"▲","-"))),ROUND(VALUE(SUBSTITUTE(実質収支比率等に係る経年分析!I$49,"▲","-")),2),NA())</f>
        <v>3.77</v>
      </c>
      <c r="F21" s="170">
        <f>IF(ISNUMBER(VALUE(SUBSTITUTE(実質収支比率等に係る経年分析!J$49,"▲","-"))),ROUND(VALUE(SUBSTITUTE(実質収支比率等に係る経年分析!J$49,"▲","-")),2),NA())</f>
        <v>-0.05</v>
      </c>
    </row>
    <row r="24" spans="1:11" x14ac:dyDescent="0.2">
      <c r="A24" s="140" t="s">
        <v>59</v>
      </c>
    </row>
    <row r="25" spans="1:11" x14ac:dyDescent="0.2">
      <c r="A25" s="171"/>
      <c r="B25" s="171" t="str">
        <f>連結実質赤字比率に係る赤字・黒字の構成分析!F$33</f>
        <v>H30</v>
      </c>
      <c r="C25" s="171"/>
      <c r="D25" s="171" t="str">
        <f>連結実質赤字比率に係る赤字・黒字の構成分析!G$33</f>
        <v>R01</v>
      </c>
      <c r="E25" s="171"/>
      <c r="F25" s="171" t="str">
        <f>連結実質赤字比率に係る赤字・黒字の構成分析!H$33</f>
        <v>R02</v>
      </c>
      <c r="G25" s="171"/>
      <c r="H25" s="171" t="str">
        <f>連結実質赤字比率に係る赤字・黒字の構成分析!I$33</f>
        <v>R03</v>
      </c>
      <c r="I25" s="171"/>
      <c r="J25" s="171" t="str">
        <f>連結実質赤字比率に係る赤字・黒字の構成分析!J$33</f>
        <v>R04</v>
      </c>
      <c r="K25" s="171"/>
    </row>
    <row r="26" spans="1:11" x14ac:dyDescent="0.2">
      <c r="A26" s="171"/>
      <c r="B26" s="171" t="s">
        <v>60</v>
      </c>
      <c r="C26" s="171" t="s">
        <v>61</v>
      </c>
      <c r="D26" s="171" t="s">
        <v>60</v>
      </c>
      <c r="E26" s="171" t="s">
        <v>61</v>
      </c>
      <c r="F26" s="171" t="s">
        <v>60</v>
      </c>
      <c r="G26" s="171" t="s">
        <v>61</v>
      </c>
      <c r="H26" s="171" t="s">
        <v>60</v>
      </c>
      <c r="I26" s="171" t="s">
        <v>61</v>
      </c>
      <c r="J26" s="171" t="s">
        <v>60</v>
      </c>
      <c r="K26" s="171" t="s">
        <v>61</v>
      </c>
    </row>
    <row r="27" spans="1:11" x14ac:dyDescent="0.2">
      <c r="A27" s="171" t="str">
        <f>IF(連結実質赤字比率に係る赤字・黒字の構成分析!C$43="",NA(),連結実質赤字比率に係る赤字・黒字の構成分析!C$43)</f>
        <v>その他会計（黒字）</v>
      </c>
      <c r="B27" s="171" t="e">
        <f>IF(ROUND(VALUE(SUBSTITUTE(連結実質赤字比率に係る赤字・黒字の構成分析!F$43,"▲", "-")), 2) &lt; 0, ABS(ROUND(VALUE(SUBSTITUTE(連結実質赤字比率に係る赤字・黒字の構成分析!F$43,"▲", "-")), 2)), NA())</f>
        <v>#VALUE!</v>
      </c>
      <c r="C27" s="171" t="e">
        <f>IF(ROUND(VALUE(SUBSTITUTE(連結実質赤字比率に係る赤字・黒字の構成分析!F$43,"▲", "-")), 2) &gt;= 0, ABS(ROUND(VALUE(SUBSTITUTE(連結実質赤字比率に係る赤字・黒字の構成分析!F$43,"▲", "-")), 2)), NA())</f>
        <v>#VALUE!</v>
      </c>
      <c r="D27" s="171" t="e">
        <f>IF(ROUND(VALUE(SUBSTITUTE(連結実質赤字比率に係る赤字・黒字の構成分析!G$43,"▲", "-")), 2) &lt; 0, ABS(ROUND(VALUE(SUBSTITUTE(連結実質赤字比率に係る赤字・黒字の構成分析!G$43,"▲", "-")), 2)), NA())</f>
        <v>#VALUE!</v>
      </c>
      <c r="E27" s="171" t="e">
        <f>IF(ROUND(VALUE(SUBSTITUTE(連結実質赤字比率に係る赤字・黒字の構成分析!G$43,"▲", "-")), 2) &gt;= 0, ABS(ROUND(VALUE(SUBSTITUTE(連結実質赤字比率に係る赤字・黒字の構成分析!G$43,"▲", "-")), 2)), NA())</f>
        <v>#VALUE!</v>
      </c>
      <c r="F27" s="171" t="e">
        <f>IF(ROUND(VALUE(SUBSTITUTE(連結実質赤字比率に係る赤字・黒字の構成分析!H$43,"▲", "-")), 2) &lt; 0, ABS(ROUND(VALUE(SUBSTITUTE(連結実質赤字比率に係る赤字・黒字の構成分析!H$43,"▲", "-")), 2)), NA())</f>
        <v>#VALUE!</v>
      </c>
      <c r="G27" s="171" t="e">
        <f>IF(ROUND(VALUE(SUBSTITUTE(連結実質赤字比率に係る赤字・黒字の構成分析!H$43,"▲", "-")), 2) &gt;= 0, ABS(ROUND(VALUE(SUBSTITUTE(連結実質赤字比率に係る赤字・黒字の構成分析!H$43,"▲", "-")), 2)), NA())</f>
        <v>#VALUE!</v>
      </c>
      <c r="H27" s="171" t="e">
        <f>IF(ROUND(VALUE(SUBSTITUTE(連結実質赤字比率に係る赤字・黒字の構成分析!I$43,"▲", "-")), 2) &lt; 0, ABS(ROUND(VALUE(SUBSTITUTE(連結実質赤字比率に係る赤字・黒字の構成分析!I$43,"▲", "-")), 2)), NA())</f>
        <v>#VALUE!</v>
      </c>
      <c r="I27" s="171" t="e">
        <f>IF(ROUND(VALUE(SUBSTITUTE(連結実質赤字比率に係る赤字・黒字の構成分析!I$43,"▲", "-")), 2) &gt;= 0, ABS(ROUND(VALUE(SUBSTITUTE(連結実質赤字比率に係る赤字・黒字の構成分析!I$43,"▲", "-")), 2)), NA())</f>
        <v>#VALUE!</v>
      </c>
      <c r="J27" s="171" t="e">
        <f>IF(ROUND(VALUE(SUBSTITUTE(連結実質赤字比率に係る赤字・黒字の構成分析!J$43,"▲", "-")), 2) &lt; 0, ABS(ROUND(VALUE(SUBSTITUTE(連結実質赤字比率に係る赤字・黒字の構成分析!J$43,"▲", "-")), 2)), NA())</f>
        <v>#VALUE!</v>
      </c>
      <c r="K27" s="171" t="e">
        <f>IF(ROUND(VALUE(SUBSTITUTE(連結実質赤字比率に係る赤字・黒字の構成分析!J$43,"▲", "-")), 2) &gt;= 0, ABS(ROUND(VALUE(SUBSTITUTE(連結実質赤字比率に係る赤字・黒字の構成分析!J$43,"▲", "-")), 2)), NA())</f>
        <v>#VALUE!</v>
      </c>
    </row>
    <row r="28" spans="1:11" x14ac:dyDescent="0.2">
      <c r="A28" s="171" t="str">
        <f>IF(連結実質赤字比率に係る赤字・黒字の構成分析!C$42="",NA(),連結実質赤字比率に係る赤字・黒字の構成分析!C$42)</f>
        <v>その他会計（赤字）</v>
      </c>
      <c r="B28" s="171" t="e">
        <f>IF(ROUND(VALUE(SUBSTITUTE(連結実質赤字比率に係る赤字・黒字の構成分析!F$42,"▲", "-")), 2) &lt; 0, ABS(ROUND(VALUE(SUBSTITUTE(連結実質赤字比率に係る赤字・黒字の構成分析!F$42,"▲", "-")), 2)), NA())</f>
        <v>#VALUE!</v>
      </c>
      <c r="C28" s="171" t="e">
        <f>IF(ROUND(VALUE(SUBSTITUTE(連結実質赤字比率に係る赤字・黒字の構成分析!F$42,"▲", "-")), 2) &gt;= 0, ABS(ROUND(VALUE(SUBSTITUTE(連結実質赤字比率に係る赤字・黒字の構成分析!F$42,"▲", "-")), 2)), NA())</f>
        <v>#VALUE!</v>
      </c>
      <c r="D28" s="171" t="e">
        <f>IF(ROUND(VALUE(SUBSTITUTE(連結実質赤字比率に係る赤字・黒字の構成分析!G$42,"▲", "-")), 2) &lt; 0, ABS(ROUND(VALUE(SUBSTITUTE(連結実質赤字比率に係る赤字・黒字の構成分析!G$42,"▲", "-")), 2)), NA())</f>
        <v>#VALUE!</v>
      </c>
      <c r="E28" s="171" t="e">
        <f>IF(ROUND(VALUE(SUBSTITUTE(連結実質赤字比率に係る赤字・黒字の構成分析!G$42,"▲", "-")), 2) &gt;= 0, ABS(ROUND(VALUE(SUBSTITUTE(連結実質赤字比率に係る赤字・黒字の構成分析!G$42,"▲", "-")), 2)), NA())</f>
        <v>#VALUE!</v>
      </c>
      <c r="F28" s="171" t="e">
        <f>IF(ROUND(VALUE(SUBSTITUTE(連結実質赤字比率に係る赤字・黒字の構成分析!H$42,"▲", "-")), 2) &lt; 0, ABS(ROUND(VALUE(SUBSTITUTE(連結実質赤字比率に係る赤字・黒字の構成分析!H$42,"▲", "-")), 2)), NA())</f>
        <v>#VALUE!</v>
      </c>
      <c r="G28" s="171" t="e">
        <f>IF(ROUND(VALUE(SUBSTITUTE(連結実質赤字比率に係る赤字・黒字の構成分析!H$42,"▲", "-")), 2) &gt;= 0, ABS(ROUND(VALUE(SUBSTITUTE(連結実質赤字比率に係る赤字・黒字の構成分析!H$42,"▲", "-")), 2)), NA())</f>
        <v>#VALUE!</v>
      </c>
      <c r="H28" s="171" t="e">
        <f>IF(ROUND(VALUE(SUBSTITUTE(連結実質赤字比率に係る赤字・黒字の構成分析!I$42,"▲", "-")), 2) &lt; 0, ABS(ROUND(VALUE(SUBSTITUTE(連結実質赤字比率に係る赤字・黒字の構成分析!I$42,"▲", "-")), 2)), NA())</f>
        <v>#VALUE!</v>
      </c>
      <c r="I28" s="171" t="e">
        <f>IF(ROUND(VALUE(SUBSTITUTE(連結実質赤字比率に係る赤字・黒字の構成分析!I$42,"▲", "-")), 2) &gt;= 0, ABS(ROUND(VALUE(SUBSTITUTE(連結実質赤字比率に係る赤字・黒字の構成分析!I$42,"▲", "-")), 2)), NA())</f>
        <v>#VALUE!</v>
      </c>
      <c r="J28" s="171" t="e">
        <f>IF(ROUND(VALUE(SUBSTITUTE(連結実質赤字比率に係る赤字・黒字の構成分析!J$42,"▲", "-")), 2) &lt; 0, ABS(ROUND(VALUE(SUBSTITUTE(連結実質赤字比率に係る赤字・黒字の構成分析!J$42,"▲", "-")), 2)), NA())</f>
        <v>#VALUE!</v>
      </c>
      <c r="K28" s="171" t="e">
        <f>IF(ROUND(VALUE(SUBSTITUTE(連結実質赤字比率に係る赤字・黒字の構成分析!J$42,"▲", "-")), 2) &gt;= 0, ABS(ROUND(VALUE(SUBSTITUTE(連結実質赤字比率に係る赤字・黒字の構成分析!J$42,"▲", "-")), 2)), NA())</f>
        <v>#VALUE!</v>
      </c>
    </row>
    <row r="29" spans="1:11" x14ac:dyDescent="0.2">
      <c r="A29" s="171" t="e">
        <f>IF(連結実質赤字比率に係る赤字・黒字の構成分析!C$41="",NA(),連結実質赤字比率に係る赤字・黒字の構成分析!C$41)</f>
        <v>#N/A</v>
      </c>
      <c r="B29" s="171" t="e">
        <f>IF(ROUND(VALUE(SUBSTITUTE(連結実質赤字比率に係る赤字・黒字の構成分析!F$41,"▲", "-")), 2) &lt; 0, ABS(ROUND(VALUE(SUBSTITUTE(連結実質赤字比率に係る赤字・黒字の構成分析!F$41,"▲", "-")), 2)), NA())</f>
        <v>#VALUE!</v>
      </c>
      <c r="C29" s="171" t="e">
        <f>IF(ROUND(VALUE(SUBSTITUTE(連結実質赤字比率に係る赤字・黒字の構成分析!F$41,"▲", "-")), 2) &gt;= 0, ABS(ROUND(VALUE(SUBSTITUTE(連結実質赤字比率に係る赤字・黒字の構成分析!F$41,"▲", "-")), 2)), NA())</f>
        <v>#VALUE!</v>
      </c>
      <c r="D29" s="171" t="e">
        <f>IF(ROUND(VALUE(SUBSTITUTE(連結実質赤字比率に係る赤字・黒字の構成分析!G$41,"▲", "-")), 2) &lt; 0, ABS(ROUND(VALUE(SUBSTITUTE(連結実質赤字比率に係る赤字・黒字の構成分析!G$41,"▲", "-")), 2)), NA())</f>
        <v>#VALUE!</v>
      </c>
      <c r="E29" s="171" t="e">
        <f>IF(ROUND(VALUE(SUBSTITUTE(連結実質赤字比率に係る赤字・黒字の構成分析!G$41,"▲", "-")), 2) &gt;= 0, ABS(ROUND(VALUE(SUBSTITUTE(連結実質赤字比率に係る赤字・黒字の構成分析!G$41,"▲", "-")), 2)), NA())</f>
        <v>#VALUE!</v>
      </c>
      <c r="F29" s="171" t="e">
        <f>IF(ROUND(VALUE(SUBSTITUTE(連結実質赤字比率に係る赤字・黒字の構成分析!H$41,"▲", "-")), 2) &lt; 0, ABS(ROUND(VALUE(SUBSTITUTE(連結実質赤字比率に係る赤字・黒字の構成分析!H$41,"▲", "-")), 2)), NA())</f>
        <v>#VALUE!</v>
      </c>
      <c r="G29" s="171" t="e">
        <f>IF(ROUND(VALUE(SUBSTITUTE(連結実質赤字比率に係る赤字・黒字の構成分析!H$41,"▲", "-")), 2) &gt;= 0, ABS(ROUND(VALUE(SUBSTITUTE(連結実質赤字比率に係る赤字・黒字の構成分析!H$41,"▲", "-")), 2)), NA())</f>
        <v>#VALUE!</v>
      </c>
      <c r="H29" s="171" t="e">
        <f>IF(ROUND(VALUE(SUBSTITUTE(連結実質赤字比率に係る赤字・黒字の構成分析!I$41,"▲", "-")), 2) &lt; 0, ABS(ROUND(VALUE(SUBSTITUTE(連結実質赤字比率に係る赤字・黒字の構成分析!I$41,"▲", "-")), 2)), NA())</f>
        <v>#VALUE!</v>
      </c>
      <c r="I29" s="171" t="e">
        <f>IF(ROUND(VALUE(SUBSTITUTE(連結実質赤字比率に係る赤字・黒字の構成分析!I$41,"▲", "-")), 2) &gt;= 0, ABS(ROUND(VALUE(SUBSTITUTE(連結実質赤字比率に係る赤字・黒字の構成分析!I$41,"▲", "-")), 2)), NA())</f>
        <v>#VALUE!</v>
      </c>
      <c r="J29" s="171" t="e">
        <f>IF(ROUND(VALUE(SUBSTITUTE(連結実質赤字比率に係る赤字・黒字の構成分析!J$41,"▲", "-")), 2) &lt; 0, ABS(ROUND(VALUE(SUBSTITUTE(連結実質赤字比率に係る赤字・黒字の構成分析!J$41,"▲", "-")), 2)), NA())</f>
        <v>#VALUE!</v>
      </c>
      <c r="K29" s="171" t="e">
        <f>IF(ROUND(VALUE(SUBSTITUTE(連結実質赤字比率に係る赤字・黒字の構成分析!J$41,"▲", "-")), 2) &gt;= 0, ABS(ROUND(VALUE(SUBSTITUTE(連結実質赤字比率に係る赤字・黒字の構成分析!J$41,"▲", "-")), 2)), NA())</f>
        <v>#VALUE!</v>
      </c>
    </row>
    <row r="30" spans="1:11" x14ac:dyDescent="0.2">
      <c r="A30" s="171" t="e">
        <f>IF(連結実質赤字比率に係る赤字・黒字の構成分析!C$40="",NA(),連結実質赤字比率に係る赤字・黒字の構成分析!C$40)</f>
        <v>#N/A</v>
      </c>
      <c r="B30" s="171" t="e">
        <f>IF(ROUND(VALUE(SUBSTITUTE(連結実質赤字比率に係る赤字・黒字の構成分析!F$40,"▲", "-")), 2) &lt; 0, ABS(ROUND(VALUE(SUBSTITUTE(連結実質赤字比率に係る赤字・黒字の構成分析!F$40,"▲", "-")), 2)), NA())</f>
        <v>#VALUE!</v>
      </c>
      <c r="C30" s="171" t="e">
        <f>IF(ROUND(VALUE(SUBSTITUTE(連結実質赤字比率に係る赤字・黒字の構成分析!F$40,"▲", "-")), 2) &gt;= 0, ABS(ROUND(VALUE(SUBSTITUTE(連結実質赤字比率に係る赤字・黒字の構成分析!F$40,"▲", "-")), 2)), NA())</f>
        <v>#VALUE!</v>
      </c>
      <c r="D30" s="171" t="e">
        <f>IF(ROUND(VALUE(SUBSTITUTE(連結実質赤字比率に係る赤字・黒字の構成分析!G$40,"▲", "-")), 2) &lt; 0, ABS(ROUND(VALUE(SUBSTITUTE(連結実質赤字比率に係る赤字・黒字の構成分析!G$40,"▲", "-")), 2)), NA())</f>
        <v>#VALUE!</v>
      </c>
      <c r="E30" s="171" t="e">
        <f>IF(ROUND(VALUE(SUBSTITUTE(連結実質赤字比率に係る赤字・黒字の構成分析!G$40,"▲", "-")), 2) &gt;= 0, ABS(ROUND(VALUE(SUBSTITUTE(連結実質赤字比率に係る赤字・黒字の構成分析!G$40,"▲", "-")), 2)), NA())</f>
        <v>#VALUE!</v>
      </c>
      <c r="F30" s="171" t="e">
        <f>IF(ROUND(VALUE(SUBSTITUTE(連結実質赤字比率に係る赤字・黒字の構成分析!H$40,"▲", "-")), 2) &lt; 0, ABS(ROUND(VALUE(SUBSTITUTE(連結実質赤字比率に係る赤字・黒字の構成分析!H$40,"▲", "-")), 2)), NA())</f>
        <v>#VALUE!</v>
      </c>
      <c r="G30" s="171" t="e">
        <f>IF(ROUND(VALUE(SUBSTITUTE(連結実質赤字比率に係る赤字・黒字の構成分析!H$40,"▲", "-")), 2) &gt;= 0, ABS(ROUND(VALUE(SUBSTITUTE(連結実質赤字比率に係る赤字・黒字の構成分析!H$40,"▲", "-")), 2)), NA())</f>
        <v>#VALUE!</v>
      </c>
      <c r="H30" s="171" t="e">
        <f>IF(ROUND(VALUE(SUBSTITUTE(連結実質赤字比率に係る赤字・黒字の構成分析!I$40,"▲", "-")), 2) &lt; 0, ABS(ROUND(VALUE(SUBSTITUTE(連結実質赤字比率に係る赤字・黒字の構成分析!I$40,"▲", "-")), 2)), NA())</f>
        <v>#VALUE!</v>
      </c>
      <c r="I30" s="171" t="e">
        <f>IF(ROUND(VALUE(SUBSTITUTE(連結実質赤字比率に係る赤字・黒字の構成分析!I$40,"▲", "-")), 2) &gt;= 0, ABS(ROUND(VALUE(SUBSTITUTE(連結実質赤字比率に係る赤字・黒字の構成分析!I$40,"▲", "-")), 2)), NA())</f>
        <v>#VALUE!</v>
      </c>
      <c r="J30" s="171" t="e">
        <f>IF(ROUND(VALUE(SUBSTITUTE(連結実質赤字比率に係る赤字・黒字の構成分析!J$40,"▲", "-")), 2) &lt; 0, ABS(ROUND(VALUE(SUBSTITUTE(連結実質赤字比率に係る赤字・黒字の構成分析!J$40,"▲", "-")), 2)), NA())</f>
        <v>#VALUE!</v>
      </c>
      <c r="K30" s="171" t="e">
        <f>IF(ROUND(VALUE(SUBSTITUTE(連結実質赤字比率に係る赤字・黒字の構成分析!J$40,"▲", "-")), 2) &gt;= 0, ABS(ROUND(VALUE(SUBSTITUTE(連結実質赤字比率に係る赤字・黒字の構成分析!J$40,"▲", "-")), 2)), NA())</f>
        <v>#VALUE!</v>
      </c>
    </row>
    <row r="31" spans="1:11" x14ac:dyDescent="0.2">
      <c r="A31" s="171" t="e">
        <f>IF(連結実質赤字比率に係る赤字・黒字の構成分析!C$39="",NA(),連結実質赤字比率に係る赤字・黒字の構成分析!C$39)</f>
        <v>#N/A</v>
      </c>
      <c r="B31" s="171" t="e">
        <f>IF(ROUND(VALUE(SUBSTITUTE(連結実質赤字比率に係る赤字・黒字の構成分析!F$39,"▲", "-")), 2) &lt; 0, ABS(ROUND(VALUE(SUBSTITUTE(連結実質赤字比率に係る赤字・黒字の構成分析!F$39,"▲", "-")), 2)), NA())</f>
        <v>#VALUE!</v>
      </c>
      <c r="C31" s="171" t="e">
        <f>IF(ROUND(VALUE(SUBSTITUTE(連結実質赤字比率に係る赤字・黒字の構成分析!F$39,"▲", "-")), 2) &gt;= 0, ABS(ROUND(VALUE(SUBSTITUTE(連結実質赤字比率に係る赤字・黒字の構成分析!F$39,"▲", "-")), 2)), NA())</f>
        <v>#VALUE!</v>
      </c>
      <c r="D31" s="171" t="e">
        <f>IF(ROUND(VALUE(SUBSTITUTE(連結実質赤字比率に係る赤字・黒字の構成分析!G$39,"▲", "-")), 2) &lt; 0, ABS(ROUND(VALUE(SUBSTITUTE(連結実質赤字比率に係る赤字・黒字の構成分析!G$39,"▲", "-")), 2)), NA())</f>
        <v>#VALUE!</v>
      </c>
      <c r="E31" s="171" t="e">
        <f>IF(ROUND(VALUE(SUBSTITUTE(連結実質赤字比率に係る赤字・黒字の構成分析!G$39,"▲", "-")), 2) &gt;= 0, ABS(ROUND(VALUE(SUBSTITUTE(連結実質赤字比率に係る赤字・黒字の構成分析!G$39,"▲", "-")), 2)), NA())</f>
        <v>#VALUE!</v>
      </c>
      <c r="F31" s="171" t="e">
        <f>IF(ROUND(VALUE(SUBSTITUTE(連結実質赤字比率に係る赤字・黒字の構成分析!H$39,"▲", "-")), 2) &lt; 0, ABS(ROUND(VALUE(SUBSTITUTE(連結実質赤字比率に係る赤字・黒字の構成分析!H$39,"▲", "-")), 2)), NA())</f>
        <v>#VALUE!</v>
      </c>
      <c r="G31" s="171" t="e">
        <f>IF(ROUND(VALUE(SUBSTITUTE(連結実質赤字比率に係る赤字・黒字の構成分析!H$39,"▲", "-")), 2) &gt;= 0, ABS(ROUND(VALUE(SUBSTITUTE(連結実質赤字比率に係る赤字・黒字の構成分析!H$39,"▲", "-")), 2)), NA())</f>
        <v>#VALUE!</v>
      </c>
      <c r="H31" s="171" t="e">
        <f>IF(ROUND(VALUE(SUBSTITUTE(連結実質赤字比率に係る赤字・黒字の構成分析!I$39,"▲", "-")), 2) &lt; 0, ABS(ROUND(VALUE(SUBSTITUTE(連結実質赤字比率に係る赤字・黒字の構成分析!I$39,"▲", "-")), 2)), NA())</f>
        <v>#VALUE!</v>
      </c>
      <c r="I31" s="171" t="e">
        <f>IF(ROUND(VALUE(SUBSTITUTE(連結実質赤字比率に係る赤字・黒字の構成分析!I$39,"▲", "-")), 2) &gt;= 0, ABS(ROUND(VALUE(SUBSTITUTE(連結実質赤字比率に係る赤字・黒字の構成分析!I$39,"▲", "-")), 2)), NA())</f>
        <v>#VALUE!</v>
      </c>
      <c r="J31" s="171" t="e">
        <f>IF(ROUND(VALUE(SUBSTITUTE(連結実質赤字比率に係る赤字・黒字の構成分析!J$39,"▲", "-")), 2) &lt; 0, ABS(ROUND(VALUE(SUBSTITUTE(連結実質赤字比率に係る赤字・黒字の構成分析!J$39,"▲", "-")), 2)), NA())</f>
        <v>#VALUE!</v>
      </c>
      <c r="K31" s="171" t="e">
        <f>IF(ROUND(VALUE(SUBSTITUTE(連結実質赤字比率に係る赤字・黒字の構成分析!J$39,"▲", "-")), 2) &gt;= 0, ABS(ROUND(VALUE(SUBSTITUTE(連結実質赤字比率に係る赤字・黒字の構成分析!J$39,"▲", "-")), 2)), NA())</f>
        <v>#VALUE!</v>
      </c>
    </row>
    <row r="32" spans="1:11" x14ac:dyDescent="0.2">
      <c r="A32" s="171" t="str">
        <f>IF(連結実質赤字比率に係る赤字・黒字の構成分析!C$38="",NA(),連結実質赤字比率に係る赤字・黒字の構成分析!C$38)</f>
        <v>後期高齢者医療特別会計</v>
      </c>
      <c r="B32" s="171" t="e">
        <f>IF(ROUND(VALUE(SUBSTITUTE(連結実質赤字比率に係る赤字・黒字の構成分析!F$38,"▲", "-")), 2) &lt; 0, ABS(ROUND(VALUE(SUBSTITUTE(連結実質赤字比率に係る赤字・黒字の構成分析!F$38,"▲", "-")), 2)), NA())</f>
        <v>#N/A</v>
      </c>
      <c r="C32" s="171">
        <f>IF(ROUND(VALUE(SUBSTITUTE(連結実質赤字比率に係る赤字・黒字の構成分析!F$38,"▲", "-")), 2) &gt;= 0, ABS(ROUND(VALUE(SUBSTITUTE(連結実質赤字比率に係る赤字・黒字の構成分析!F$38,"▲", "-")), 2)), NA())</f>
        <v>0.41</v>
      </c>
      <c r="D32" s="171" t="e">
        <f>IF(ROUND(VALUE(SUBSTITUTE(連結実質赤字比率に係る赤字・黒字の構成分析!G$38,"▲", "-")), 2) &lt; 0, ABS(ROUND(VALUE(SUBSTITUTE(連結実質赤字比率に係る赤字・黒字の構成分析!G$38,"▲", "-")), 2)), NA())</f>
        <v>#N/A</v>
      </c>
      <c r="E32" s="171">
        <f>IF(ROUND(VALUE(SUBSTITUTE(連結実質赤字比率に係る赤字・黒字の構成分析!G$38,"▲", "-")), 2) &gt;= 0, ABS(ROUND(VALUE(SUBSTITUTE(連結実質赤字比率に係る赤字・黒字の構成分析!G$38,"▲", "-")), 2)), NA())</f>
        <v>0.66</v>
      </c>
      <c r="F32" s="171" t="e">
        <f>IF(ROUND(VALUE(SUBSTITUTE(連結実質赤字比率に係る赤字・黒字の構成分析!H$38,"▲", "-")), 2) &lt; 0, ABS(ROUND(VALUE(SUBSTITUTE(連結実質赤字比率に係る赤字・黒字の構成分析!H$38,"▲", "-")), 2)), NA())</f>
        <v>#N/A</v>
      </c>
      <c r="G32" s="171">
        <f>IF(ROUND(VALUE(SUBSTITUTE(連結実質赤字比率に係る赤字・黒字の構成分析!H$38,"▲", "-")), 2) &gt;= 0, ABS(ROUND(VALUE(SUBSTITUTE(連結実質赤字比率に係る赤字・黒字の構成分析!H$38,"▲", "-")), 2)), NA())</f>
        <v>0.09</v>
      </c>
      <c r="H32" s="171" t="e">
        <f>IF(ROUND(VALUE(SUBSTITUTE(連結実質赤字比率に係る赤字・黒字の構成分析!I$38,"▲", "-")), 2) &lt; 0, ABS(ROUND(VALUE(SUBSTITUTE(連結実質赤字比率に係る赤字・黒字の構成分析!I$38,"▲", "-")), 2)), NA())</f>
        <v>#N/A</v>
      </c>
      <c r="I32" s="171">
        <f>IF(ROUND(VALUE(SUBSTITUTE(連結実質赤字比率に係る赤字・黒字の構成分析!I$38,"▲", "-")), 2) &gt;= 0, ABS(ROUND(VALUE(SUBSTITUTE(連結実質赤字比率に係る赤字・黒字の構成分析!I$38,"▲", "-")), 2)), NA())</f>
        <v>0.05</v>
      </c>
      <c r="J32" s="171" t="e">
        <f>IF(ROUND(VALUE(SUBSTITUTE(連結実質赤字比率に係る赤字・黒字の構成分析!J$38,"▲", "-")), 2) &lt; 0, ABS(ROUND(VALUE(SUBSTITUTE(連結実質赤字比率に係る赤字・黒字の構成分析!J$38,"▲", "-")), 2)), NA())</f>
        <v>#N/A</v>
      </c>
      <c r="K32" s="171">
        <f>IF(ROUND(VALUE(SUBSTITUTE(連結実質赤字比率に係る赤字・黒字の構成分析!J$38,"▲", "-")), 2) &gt;= 0, ABS(ROUND(VALUE(SUBSTITUTE(連結実質赤字比率に係る赤字・黒字の構成分析!J$38,"▲", "-")), 2)), NA())</f>
        <v>0.31</v>
      </c>
    </row>
    <row r="33" spans="1:16" x14ac:dyDescent="0.2">
      <c r="A33" s="171" t="str">
        <f>IF(連結実質赤字比率に係る赤字・黒字の構成分析!C$37="",NA(),連結実質赤字比率に係る赤字・黒字の構成分析!C$37)</f>
        <v>下水道事業特別会計</v>
      </c>
      <c r="B33" s="171" t="e">
        <f>IF(ROUND(VALUE(SUBSTITUTE(連結実質赤字比率に係る赤字・黒字の構成分析!F$37,"▲", "-")), 2) &lt; 0, ABS(ROUND(VALUE(SUBSTITUTE(連結実質赤字比率に係る赤字・黒字の構成分析!F$37,"▲", "-")), 2)), NA())</f>
        <v>#N/A</v>
      </c>
      <c r="C33" s="171">
        <f>IF(ROUND(VALUE(SUBSTITUTE(連結実質赤字比率に係る赤字・黒字の構成分析!F$37,"▲", "-")), 2) &gt;= 0, ABS(ROUND(VALUE(SUBSTITUTE(連結実質赤字比率に係る赤字・黒字の構成分析!F$37,"▲", "-")), 2)), NA())</f>
        <v>0.09</v>
      </c>
      <c r="D33" s="171" t="e">
        <f>IF(ROUND(VALUE(SUBSTITUTE(連結実質赤字比率に係る赤字・黒字の構成分析!G$37,"▲", "-")), 2) &lt; 0, ABS(ROUND(VALUE(SUBSTITUTE(連結実質赤字比率に係る赤字・黒字の構成分析!G$37,"▲", "-")), 2)), NA())</f>
        <v>#N/A</v>
      </c>
      <c r="E33" s="171">
        <f>IF(ROUND(VALUE(SUBSTITUTE(連結実質赤字比率に係る赤字・黒字の構成分析!G$37,"▲", "-")), 2) &gt;= 0, ABS(ROUND(VALUE(SUBSTITUTE(連結実質赤字比率に係る赤字・黒字の構成分析!G$37,"▲", "-")), 2)), NA())</f>
        <v>0.2</v>
      </c>
      <c r="F33" s="171" t="e">
        <f>IF(ROUND(VALUE(SUBSTITUTE(連結実質赤字比率に係る赤字・黒字の構成分析!H$37,"▲", "-")), 2) &lt; 0, ABS(ROUND(VALUE(SUBSTITUTE(連結実質赤字比率に係る赤字・黒字の構成分析!H$37,"▲", "-")), 2)), NA())</f>
        <v>#N/A</v>
      </c>
      <c r="G33" s="171">
        <f>IF(ROUND(VALUE(SUBSTITUTE(連結実質赤字比率に係る赤字・黒字の構成分析!H$37,"▲", "-")), 2) &gt;= 0, ABS(ROUND(VALUE(SUBSTITUTE(連結実質赤字比率に係る赤字・黒字の構成分析!H$37,"▲", "-")), 2)), NA())</f>
        <v>0.36</v>
      </c>
      <c r="H33" s="171" t="e">
        <f>IF(ROUND(VALUE(SUBSTITUTE(連結実質赤字比率に係る赤字・黒字の構成分析!I$37,"▲", "-")), 2) &lt; 0, ABS(ROUND(VALUE(SUBSTITUTE(連結実質赤字比率に係る赤字・黒字の構成分析!I$37,"▲", "-")), 2)), NA())</f>
        <v>#N/A</v>
      </c>
      <c r="I33" s="171">
        <f>IF(ROUND(VALUE(SUBSTITUTE(連結実質赤字比率に係る赤字・黒字の構成分析!I$37,"▲", "-")), 2) &gt;= 0, ABS(ROUND(VALUE(SUBSTITUTE(連結実質赤字比率に係る赤字・黒字の構成分析!I$37,"▲", "-")), 2)), NA())</f>
        <v>0.25</v>
      </c>
      <c r="J33" s="171" t="e">
        <f>IF(ROUND(VALUE(SUBSTITUTE(連結実質赤字比率に係る赤字・黒字の構成分析!J$37,"▲", "-")), 2) &lt; 0, ABS(ROUND(VALUE(SUBSTITUTE(連結実質赤字比率に係る赤字・黒字の構成分析!J$37,"▲", "-")), 2)), NA())</f>
        <v>#N/A</v>
      </c>
      <c r="K33" s="171">
        <f>IF(ROUND(VALUE(SUBSTITUTE(連結実質赤字比率に係る赤字・黒字の構成分析!J$37,"▲", "-")), 2) &gt;= 0, ABS(ROUND(VALUE(SUBSTITUTE(連結実質赤字比率に係る赤字・黒字の構成分析!J$37,"▲", "-")), 2)), NA())</f>
        <v>0.79</v>
      </c>
    </row>
    <row r="34" spans="1:16" x14ac:dyDescent="0.2">
      <c r="A34" s="171" t="str">
        <f>IF(連結実質赤字比率に係る赤字・黒字の構成分析!C$36="",NA(),連結実質赤字比率に係る赤字・黒字の構成分析!C$36)</f>
        <v>国民健康保険特別会計</v>
      </c>
      <c r="B34" s="171" t="e">
        <f>IF(ROUND(VALUE(SUBSTITUTE(連結実質赤字比率に係る赤字・黒字の構成分析!F$36,"▲", "-")), 2) &lt; 0, ABS(ROUND(VALUE(SUBSTITUTE(連結実質赤字比率に係る赤字・黒字の構成分析!F$36,"▲", "-")), 2)), NA())</f>
        <v>#N/A</v>
      </c>
      <c r="C34" s="171">
        <f>IF(ROUND(VALUE(SUBSTITUTE(連結実質赤字比率に係る赤字・黒字の構成分析!F$36,"▲", "-")), 2) &gt;= 0, ABS(ROUND(VALUE(SUBSTITUTE(連結実質赤字比率に係る赤字・黒字の構成分析!F$36,"▲", "-")), 2)), NA())</f>
        <v>0.37</v>
      </c>
      <c r="D34" s="171" t="e">
        <f>IF(ROUND(VALUE(SUBSTITUTE(連結実質赤字比率に係る赤字・黒字の構成分析!G$36,"▲", "-")), 2) &lt; 0, ABS(ROUND(VALUE(SUBSTITUTE(連結実質赤字比率に係る赤字・黒字の構成分析!G$36,"▲", "-")), 2)), NA())</f>
        <v>#N/A</v>
      </c>
      <c r="E34" s="171">
        <f>IF(ROUND(VALUE(SUBSTITUTE(連結実質赤字比率に係る赤字・黒字の構成分析!G$36,"▲", "-")), 2) &gt;= 0, ABS(ROUND(VALUE(SUBSTITUTE(連結実質赤字比率に係る赤字・黒字の構成分析!G$36,"▲", "-")), 2)), NA())</f>
        <v>0.63</v>
      </c>
      <c r="F34" s="171" t="e">
        <f>IF(ROUND(VALUE(SUBSTITUTE(連結実質赤字比率に係る赤字・黒字の構成分析!H$36,"▲", "-")), 2) &lt; 0, ABS(ROUND(VALUE(SUBSTITUTE(連結実質赤字比率に係る赤字・黒字の構成分析!H$36,"▲", "-")), 2)), NA())</f>
        <v>#N/A</v>
      </c>
      <c r="G34" s="171">
        <f>IF(ROUND(VALUE(SUBSTITUTE(連結実質赤字比率に係る赤字・黒字の構成分析!H$36,"▲", "-")), 2) &gt;= 0, ABS(ROUND(VALUE(SUBSTITUTE(連結実質赤字比率に係る赤字・黒字の構成分析!H$36,"▲", "-")), 2)), NA())</f>
        <v>0.45</v>
      </c>
      <c r="H34" s="171" t="e">
        <f>IF(ROUND(VALUE(SUBSTITUTE(連結実質赤字比率に係る赤字・黒字の構成分析!I$36,"▲", "-")), 2) &lt; 0, ABS(ROUND(VALUE(SUBSTITUTE(連結実質赤字比率に係る赤字・黒字の構成分析!I$36,"▲", "-")), 2)), NA())</f>
        <v>#N/A</v>
      </c>
      <c r="I34" s="171">
        <f>IF(ROUND(VALUE(SUBSTITUTE(連結実質赤字比率に係る赤字・黒字の構成分析!I$36,"▲", "-")), 2) &gt;= 0, ABS(ROUND(VALUE(SUBSTITUTE(連結実質赤字比率に係る赤字・黒字の構成分析!I$36,"▲", "-")), 2)), NA())</f>
        <v>1.19</v>
      </c>
      <c r="J34" s="171" t="e">
        <f>IF(ROUND(VALUE(SUBSTITUTE(連結実質赤字比率に係る赤字・黒字の構成分析!J$36,"▲", "-")), 2) &lt; 0, ABS(ROUND(VALUE(SUBSTITUTE(連結実質赤字比率に係る赤字・黒字の構成分析!J$36,"▲", "-")), 2)), NA())</f>
        <v>#N/A</v>
      </c>
      <c r="K34" s="171">
        <f>IF(ROUND(VALUE(SUBSTITUTE(連結実質赤字比率に係る赤字・黒字の構成分析!J$36,"▲", "-")), 2) &gt;= 0, ABS(ROUND(VALUE(SUBSTITUTE(連結実質赤字比率に係る赤字・黒字の構成分析!J$36,"▲", "-")), 2)), NA())</f>
        <v>0.91</v>
      </c>
    </row>
    <row r="35" spans="1:16" x14ac:dyDescent="0.2">
      <c r="A35" s="171" t="str">
        <f>IF(連結実質赤字比率に係る赤字・黒字の構成分析!C$35="",NA(),連結実質赤字比率に係る赤字・黒字の構成分析!C$35)</f>
        <v>介護保険特別会計</v>
      </c>
      <c r="B35" s="171" t="e">
        <f>IF(ROUND(VALUE(SUBSTITUTE(連結実質赤字比率に係る赤字・黒字の構成分析!F$35,"▲", "-")), 2) &lt; 0, ABS(ROUND(VALUE(SUBSTITUTE(連結実質赤字比率に係る赤字・黒字の構成分析!F$35,"▲", "-")), 2)), NA())</f>
        <v>#N/A</v>
      </c>
      <c r="C35" s="171">
        <f>IF(ROUND(VALUE(SUBSTITUTE(連結実質赤字比率に係る赤字・黒字の構成分析!F$35,"▲", "-")), 2) &gt;= 0, ABS(ROUND(VALUE(SUBSTITUTE(連結実質赤字比率に係る赤字・黒字の構成分析!F$35,"▲", "-")), 2)), NA())</f>
        <v>0.97</v>
      </c>
      <c r="D35" s="171" t="e">
        <f>IF(ROUND(VALUE(SUBSTITUTE(連結実質赤字比率に係る赤字・黒字の構成分析!G$35,"▲", "-")), 2) &lt; 0, ABS(ROUND(VALUE(SUBSTITUTE(連結実質赤字比率に係る赤字・黒字の構成分析!G$35,"▲", "-")), 2)), NA())</f>
        <v>#N/A</v>
      </c>
      <c r="E35" s="171">
        <f>IF(ROUND(VALUE(SUBSTITUTE(連結実質赤字比率に係る赤字・黒字の構成分析!G$35,"▲", "-")), 2) &gt;= 0, ABS(ROUND(VALUE(SUBSTITUTE(連結実質赤字比率に係る赤字・黒字の構成分析!G$35,"▲", "-")), 2)), NA())</f>
        <v>1.1000000000000001</v>
      </c>
      <c r="F35" s="171" t="e">
        <f>IF(ROUND(VALUE(SUBSTITUTE(連結実質赤字比率に係る赤字・黒字の構成分析!H$35,"▲", "-")), 2) &lt; 0, ABS(ROUND(VALUE(SUBSTITUTE(連結実質赤字比率に係る赤字・黒字の構成分析!H$35,"▲", "-")), 2)), NA())</f>
        <v>#N/A</v>
      </c>
      <c r="G35" s="171">
        <f>IF(ROUND(VALUE(SUBSTITUTE(連結実質赤字比率に係る赤字・黒字の構成分析!H$35,"▲", "-")), 2) &gt;= 0, ABS(ROUND(VALUE(SUBSTITUTE(連結実質赤字比率に係る赤字・黒字の構成分析!H$35,"▲", "-")), 2)), NA())</f>
        <v>1.19</v>
      </c>
      <c r="H35" s="171" t="e">
        <f>IF(ROUND(VALUE(SUBSTITUTE(連結実質赤字比率に係る赤字・黒字の構成分析!I$35,"▲", "-")), 2) &lt; 0, ABS(ROUND(VALUE(SUBSTITUTE(連結実質赤字比率に係る赤字・黒字の構成分析!I$35,"▲", "-")), 2)), NA())</f>
        <v>#N/A</v>
      </c>
      <c r="I35" s="171">
        <f>IF(ROUND(VALUE(SUBSTITUTE(連結実質赤字比率に係る赤字・黒字の構成分析!I$35,"▲", "-")), 2) &gt;= 0, ABS(ROUND(VALUE(SUBSTITUTE(連結実質赤字比率に係る赤字・黒字の構成分析!I$35,"▲", "-")), 2)), NA())</f>
        <v>1.38</v>
      </c>
      <c r="J35" s="171" t="e">
        <f>IF(ROUND(VALUE(SUBSTITUTE(連結実質赤字比率に係る赤字・黒字の構成分析!J$35,"▲", "-")), 2) &lt; 0, ABS(ROUND(VALUE(SUBSTITUTE(連結実質赤字比率に係る赤字・黒字の構成分析!J$35,"▲", "-")), 2)), NA())</f>
        <v>#N/A</v>
      </c>
      <c r="K35" s="171">
        <f>IF(ROUND(VALUE(SUBSTITUTE(連結実質赤字比率に係る赤字・黒字の構成分析!J$35,"▲", "-")), 2) &gt;= 0, ABS(ROUND(VALUE(SUBSTITUTE(連結実質赤字比率に係る赤字・黒字の構成分析!J$35,"▲", "-")), 2)), NA())</f>
        <v>1.48</v>
      </c>
    </row>
    <row r="36" spans="1:16" x14ac:dyDescent="0.2">
      <c r="A36" s="171" t="str">
        <f>IF(連結実質赤字比率に係る赤字・黒字の構成分析!C$34="",NA(),連結実質赤字比率に係る赤字・黒字の構成分析!C$34)</f>
        <v>一般会計</v>
      </c>
      <c r="B36" s="171" t="e">
        <f>IF(ROUND(VALUE(SUBSTITUTE(連結実質赤字比率に係る赤字・黒字の構成分析!F$34,"▲", "-")), 2) &lt; 0, ABS(ROUND(VALUE(SUBSTITUTE(連結実質赤字比率に係る赤字・黒字の構成分析!F$34,"▲", "-")), 2)), NA())</f>
        <v>#N/A</v>
      </c>
      <c r="C36" s="171">
        <f>IF(ROUND(VALUE(SUBSTITUTE(連結実質赤字比率に係る赤字・黒字の構成分析!F$34,"▲", "-")), 2) &gt;= 0, ABS(ROUND(VALUE(SUBSTITUTE(連結実質赤字比率に係る赤字・黒字の構成分析!F$34,"▲", "-")), 2)), NA())</f>
        <v>4.3600000000000003</v>
      </c>
      <c r="D36" s="171" t="e">
        <f>IF(ROUND(VALUE(SUBSTITUTE(連結実質赤字比率に係る赤字・黒字の構成分析!G$34,"▲", "-")), 2) &lt; 0, ABS(ROUND(VALUE(SUBSTITUTE(連結実質赤字比率に係る赤字・黒字の構成分析!G$34,"▲", "-")), 2)), NA())</f>
        <v>#N/A</v>
      </c>
      <c r="E36" s="171">
        <f>IF(ROUND(VALUE(SUBSTITUTE(連結実質赤字比率に係る赤字・黒字の構成分析!G$34,"▲", "-")), 2) &gt;= 0, ABS(ROUND(VALUE(SUBSTITUTE(連結実質赤字比率に係る赤字・黒字の構成分析!G$34,"▲", "-")), 2)), NA())</f>
        <v>4.91</v>
      </c>
      <c r="F36" s="171" t="e">
        <f>IF(ROUND(VALUE(SUBSTITUTE(連結実質赤字比率に係る赤字・黒字の構成分析!H$34,"▲", "-")), 2) &lt; 0, ABS(ROUND(VALUE(SUBSTITUTE(連結実質赤字比率に係る赤字・黒字の構成分析!H$34,"▲", "-")), 2)), NA())</f>
        <v>#N/A</v>
      </c>
      <c r="G36" s="171">
        <f>IF(ROUND(VALUE(SUBSTITUTE(連結実質赤字比率に係る赤字・黒字の構成分析!H$34,"▲", "-")), 2) &gt;= 0, ABS(ROUND(VALUE(SUBSTITUTE(連結実質赤字比率に係る赤字・黒字の構成分析!H$34,"▲", "-")), 2)), NA())</f>
        <v>6.59</v>
      </c>
      <c r="H36" s="171" t="e">
        <f>IF(ROUND(VALUE(SUBSTITUTE(連結実質赤字比率に係る赤字・黒字の構成分析!I$34,"▲", "-")), 2) &lt; 0, ABS(ROUND(VALUE(SUBSTITUTE(連結実質赤字比率に係る赤字・黒字の構成分析!I$34,"▲", "-")), 2)), NA())</f>
        <v>#N/A</v>
      </c>
      <c r="I36" s="171">
        <f>IF(ROUND(VALUE(SUBSTITUTE(連結実質赤字比率に係る赤字・黒字の構成分析!I$34,"▲", "-")), 2) &gt;= 0, ABS(ROUND(VALUE(SUBSTITUTE(連結実質赤字比率に係る赤字・黒字の構成分析!I$34,"▲", "-")), 2)), NA())</f>
        <v>8.2200000000000006</v>
      </c>
      <c r="J36" s="171" t="e">
        <f>IF(ROUND(VALUE(SUBSTITUTE(連結実質赤字比率に係る赤字・黒字の構成分析!J$34,"▲", "-")), 2) &lt; 0, ABS(ROUND(VALUE(SUBSTITUTE(連結実質赤字比率に係る赤字・黒字の構成分析!J$34,"▲", "-")), 2)), NA())</f>
        <v>#N/A</v>
      </c>
      <c r="K36" s="171">
        <f>IF(ROUND(VALUE(SUBSTITUTE(連結実質赤字比率に係る赤字・黒字の構成分析!J$34,"▲", "-")), 2) &gt;= 0, ABS(ROUND(VALUE(SUBSTITUTE(連結実質赤字比率に係る赤字・黒字の構成分析!J$34,"▲", "-")), 2)), NA())</f>
        <v>7.78</v>
      </c>
    </row>
    <row r="39" spans="1:16" x14ac:dyDescent="0.2">
      <c r="A39" s="140" t="s">
        <v>62</v>
      </c>
    </row>
    <row r="40" spans="1:16" x14ac:dyDescent="0.2">
      <c r="A40" s="172"/>
      <c r="B40" s="172" t="str">
        <f>'実質公債費比率（分子）の構造'!K$44</f>
        <v>H30</v>
      </c>
      <c r="C40" s="172"/>
      <c r="D40" s="172"/>
      <c r="E40" s="172" t="str">
        <f>'実質公債費比率（分子）の構造'!L$44</f>
        <v>R01</v>
      </c>
      <c r="F40" s="172"/>
      <c r="G40" s="172"/>
      <c r="H40" s="172" t="str">
        <f>'実質公債費比率（分子）の構造'!M$44</f>
        <v>R02</v>
      </c>
      <c r="I40" s="172"/>
      <c r="J40" s="172"/>
      <c r="K40" s="172" t="str">
        <f>'実質公債費比率（分子）の構造'!N$44</f>
        <v>R03</v>
      </c>
      <c r="L40" s="172"/>
      <c r="M40" s="172"/>
      <c r="N40" s="172" t="str">
        <f>'実質公債費比率（分子）の構造'!O$44</f>
        <v>R04</v>
      </c>
      <c r="O40" s="172"/>
      <c r="P40" s="172"/>
    </row>
    <row r="41" spans="1:16" x14ac:dyDescent="0.2">
      <c r="A41" s="172"/>
      <c r="B41" s="172" t="s">
        <v>63</v>
      </c>
      <c r="C41" s="172"/>
      <c r="D41" s="172" t="s">
        <v>64</v>
      </c>
      <c r="E41" s="172" t="s">
        <v>63</v>
      </c>
      <c r="F41" s="172"/>
      <c r="G41" s="172" t="s">
        <v>64</v>
      </c>
      <c r="H41" s="172" t="s">
        <v>63</v>
      </c>
      <c r="I41" s="172"/>
      <c r="J41" s="172" t="s">
        <v>64</v>
      </c>
      <c r="K41" s="172" t="s">
        <v>63</v>
      </c>
      <c r="L41" s="172"/>
      <c r="M41" s="172" t="s">
        <v>64</v>
      </c>
      <c r="N41" s="172" t="s">
        <v>63</v>
      </c>
      <c r="O41" s="172"/>
      <c r="P41" s="172" t="s">
        <v>64</v>
      </c>
    </row>
    <row r="42" spans="1:16" x14ac:dyDescent="0.2">
      <c r="A42" s="172" t="s">
        <v>65</v>
      </c>
      <c r="B42" s="172"/>
      <c r="C42" s="172"/>
      <c r="D42" s="172">
        <f>'実質公債費比率（分子）の構造'!K$52</f>
        <v>707</v>
      </c>
      <c r="E42" s="172"/>
      <c r="F42" s="172"/>
      <c r="G42" s="172">
        <f>'実質公債費比率（分子）の構造'!L$52</f>
        <v>658</v>
      </c>
      <c r="H42" s="172"/>
      <c r="I42" s="172"/>
      <c r="J42" s="172">
        <f>'実質公債費比率（分子）の構造'!M$52</f>
        <v>674</v>
      </c>
      <c r="K42" s="172"/>
      <c r="L42" s="172"/>
      <c r="M42" s="172">
        <f>'実質公債費比率（分子）の構造'!N$52</f>
        <v>675</v>
      </c>
      <c r="N42" s="172"/>
      <c r="O42" s="172"/>
      <c r="P42" s="172">
        <f>'実質公債費比率（分子）の構造'!O$52</f>
        <v>689</v>
      </c>
    </row>
    <row r="43" spans="1:16" x14ac:dyDescent="0.2">
      <c r="A43" s="172" t="s">
        <v>66</v>
      </c>
      <c r="B43" s="172" t="str">
        <f>'実質公債費比率（分子）の構造'!K$51</f>
        <v>-</v>
      </c>
      <c r="C43" s="172"/>
      <c r="D43" s="172"/>
      <c r="E43" s="172" t="str">
        <f>'実質公債費比率（分子）の構造'!L$51</f>
        <v>-</v>
      </c>
      <c r="F43" s="172"/>
      <c r="G43" s="172"/>
      <c r="H43" s="172" t="str">
        <f>'実質公債費比率（分子）の構造'!M$51</f>
        <v>-</v>
      </c>
      <c r="I43" s="172"/>
      <c r="J43" s="172"/>
      <c r="K43" s="172" t="str">
        <f>'実質公債費比率（分子）の構造'!N$51</f>
        <v>-</v>
      </c>
      <c r="L43" s="172"/>
      <c r="M43" s="172"/>
      <c r="N43" s="172" t="str">
        <f>'実質公債費比率（分子）の構造'!O$51</f>
        <v>-</v>
      </c>
      <c r="O43" s="172"/>
      <c r="P43" s="172"/>
    </row>
    <row r="44" spans="1:16" x14ac:dyDescent="0.2">
      <c r="A44" s="172" t="s">
        <v>67</v>
      </c>
      <c r="B44" s="172" t="str">
        <f>'実質公債費比率（分子）の構造'!K$50</f>
        <v>-</v>
      </c>
      <c r="C44" s="172"/>
      <c r="D44" s="172"/>
      <c r="E44" s="172" t="str">
        <f>'実質公債費比率（分子）の構造'!L$50</f>
        <v>-</v>
      </c>
      <c r="F44" s="172"/>
      <c r="G44" s="172"/>
      <c r="H44" s="172" t="str">
        <f>'実質公債費比率（分子）の構造'!M$50</f>
        <v>-</v>
      </c>
      <c r="I44" s="172"/>
      <c r="J44" s="172"/>
      <c r="K44" s="172" t="str">
        <f>'実質公債費比率（分子）の構造'!N$50</f>
        <v>-</v>
      </c>
      <c r="L44" s="172"/>
      <c r="M44" s="172"/>
      <c r="N44" s="172" t="str">
        <f>'実質公債費比率（分子）の構造'!O$50</f>
        <v>-</v>
      </c>
      <c r="O44" s="172"/>
      <c r="P44" s="172"/>
    </row>
    <row r="45" spans="1:16" x14ac:dyDescent="0.2">
      <c r="A45" s="172" t="s">
        <v>68</v>
      </c>
      <c r="B45" s="172" t="str">
        <f>'実質公債費比率（分子）の構造'!K$49</f>
        <v>-</v>
      </c>
      <c r="C45" s="172"/>
      <c r="D45" s="172"/>
      <c r="E45" s="172" t="str">
        <f>'実質公債費比率（分子）の構造'!L$49</f>
        <v>-</v>
      </c>
      <c r="F45" s="172"/>
      <c r="G45" s="172"/>
      <c r="H45" s="172" t="str">
        <f>'実質公債費比率（分子）の構造'!M$49</f>
        <v>-</v>
      </c>
      <c r="I45" s="172"/>
      <c r="J45" s="172"/>
      <c r="K45" s="172" t="str">
        <f>'実質公債費比率（分子）の構造'!N$49</f>
        <v>-</v>
      </c>
      <c r="L45" s="172"/>
      <c r="M45" s="172"/>
      <c r="N45" s="172" t="str">
        <f>'実質公債費比率（分子）の構造'!O$49</f>
        <v>-</v>
      </c>
      <c r="O45" s="172"/>
      <c r="P45" s="172"/>
    </row>
    <row r="46" spans="1:16" x14ac:dyDescent="0.2">
      <c r="A46" s="172" t="s">
        <v>69</v>
      </c>
      <c r="B46" s="172">
        <f>'実質公債費比率（分子）の構造'!K$48</f>
        <v>364</v>
      </c>
      <c r="C46" s="172"/>
      <c r="D46" s="172"/>
      <c r="E46" s="172">
        <f>'実質公債費比率（分子）の構造'!L$48</f>
        <v>278</v>
      </c>
      <c r="F46" s="172"/>
      <c r="G46" s="172"/>
      <c r="H46" s="172">
        <f>'実質公債費比率（分子）の構造'!M$48</f>
        <v>266</v>
      </c>
      <c r="I46" s="172"/>
      <c r="J46" s="172"/>
      <c r="K46" s="172">
        <f>'実質公債費比率（分子）の構造'!N$48</f>
        <v>285</v>
      </c>
      <c r="L46" s="172"/>
      <c r="M46" s="172"/>
      <c r="N46" s="172">
        <f>'実質公債費比率（分子）の構造'!O$48</f>
        <v>288</v>
      </c>
      <c r="O46" s="172"/>
      <c r="P46" s="172"/>
    </row>
    <row r="47" spans="1:16" x14ac:dyDescent="0.2">
      <c r="A47" s="172" t="s">
        <v>70</v>
      </c>
      <c r="B47" s="172" t="str">
        <f>'実質公債費比率（分子）の構造'!K$47</f>
        <v>-</v>
      </c>
      <c r="C47" s="172"/>
      <c r="D47" s="172"/>
      <c r="E47" s="172" t="str">
        <f>'実質公債費比率（分子）の構造'!L$47</f>
        <v>-</v>
      </c>
      <c r="F47" s="172"/>
      <c r="G47" s="172"/>
      <c r="H47" s="172" t="str">
        <f>'実質公債費比率（分子）の構造'!M$47</f>
        <v>-</v>
      </c>
      <c r="I47" s="172"/>
      <c r="J47" s="172"/>
      <c r="K47" s="172" t="str">
        <f>'実質公債費比率（分子）の構造'!N$47</f>
        <v>-</v>
      </c>
      <c r="L47" s="172"/>
      <c r="M47" s="172"/>
      <c r="N47" s="172" t="str">
        <f>'実質公債費比率（分子）の構造'!O$47</f>
        <v>-</v>
      </c>
      <c r="O47" s="172"/>
      <c r="P47" s="172"/>
    </row>
    <row r="48" spans="1:16" x14ac:dyDescent="0.2">
      <c r="A48" s="172" t="s">
        <v>71</v>
      </c>
      <c r="B48" s="172" t="str">
        <f>'実質公債費比率（分子）の構造'!K$46</f>
        <v>-</v>
      </c>
      <c r="C48" s="172"/>
      <c r="D48" s="172"/>
      <c r="E48" s="172" t="str">
        <f>'実質公債費比率（分子）の構造'!L$46</f>
        <v>-</v>
      </c>
      <c r="F48" s="172"/>
      <c r="G48" s="172"/>
      <c r="H48" s="172" t="str">
        <f>'実質公債費比率（分子）の構造'!M$46</f>
        <v>-</v>
      </c>
      <c r="I48" s="172"/>
      <c r="J48" s="172"/>
      <c r="K48" s="172" t="str">
        <f>'実質公債費比率（分子）の構造'!N$46</f>
        <v>-</v>
      </c>
      <c r="L48" s="172"/>
      <c r="M48" s="172"/>
      <c r="N48" s="172" t="str">
        <f>'実質公債費比率（分子）の構造'!O$46</f>
        <v>-</v>
      </c>
      <c r="O48" s="172"/>
      <c r="P48" s="172"/>
    </row>
    <row r="49" spans="1:16" x14ac:dyDescent="0.2">
      <c r="A49" s="172" t="s">
        <v>72</v>
      </c>
      <c r="B49" s="172">
        <f>'実質公債費比率（分子）の構造'!K$45</f>
        <v>652</v>
      </c>
      <c r="C49" s="172"/>
      <c r="D49" s="172"/>
      <c r="E49" s="172">
        <f>'実質公債費比率（分子）の構造'!L$45</f>
        <v>659</v>
      </c>
      <c r="F49" s="172"/>
      <c r="G49" s="172"/>
      <c r="H49" s="172">
        <f>'実質公債費比率（分子）の構造'!M$45</f>
        <v>636</v>
      </c>
      <c r="I49" s="172"/>
      <c r="J49" s="172"/>
      <c r="K49" s="172">
        <f>'実質公債費比率（分子）の構造'!N$45</f>
        <v>653</v>
      </c>
      <c r="L49" s="172"/>
      <c r="M49" s="172"/>
      <c r="N49" s="172">
        <f>'実質公債費比率（分子）の構造'!O$45</f>
        <v>702</v>
      </c>
      <c r="O49" s="172"/>
      <c r="P49" s="172"/>
    </row>
    <row r="50" spans="1:16" x14ac:dyDescent="0.2">
      <c r="A50" s="172" t="s">
        <v>73</v>
      </c>
      <c r="B50" s="172" t="e">
        <f>NA()</f>
        <v>#N/A</v>
      </c>
      <c r="C50" s="172">
        <f>IF(ISNUMBER('実質公債費比率（分子）の構造'!K$53),'実質公債費比率（分子）の構造'!K$53,NA())</f>
        <v>309</v>
      </c>
      <c r="D50" s="172" t="e">
        <f>NA()</f>
        <v>#N/A</v>
      </c>
      <c r="E50" s="172" t="e">
        <f>NA()</f>
        <v>#N/A</v>
      </c>
      <c r="F50" s="172">
        <f>IF(ISNUMBER('実質公債費比率（分子）の構造'!L$53),'実質公債費比率（分子）の構造'!L$53,NA())</f>
        <v>279</v>
      </c>
      <c r="G50" s="172" t="e">
        <f>NA()</f>
        <v>#N/A</v>
      </c>
      <c r="H50" s="172" t="e">
        <f>NA()</f>
        <v>#N/A</v>
      </c>
      <c r="I50" s="172">
        <f>IF(ISNUMBER('実質公債費比率（分子）の構造'!M$53),'実質公債費比率（分子）の構造'!M$53,NA())</f>
        <v>228</v>
      </c>
      <c r="J50" s="172" t="e">
        <f>NA()</f>
        <v>#N/A</v>
      </c>
      <c r="K50" s="172" t="e">
        <f>NA()</f>
        <v>#N/A</v>
      </c>
      <c r="L50" s="172">
        <f>IF(ISNUMBER('実質公債費比率（分子）の構造'!N$53),'実質公債費比率（分子）の構造'!N$53,NA())</f>
        <v>263</v>
      </c>
      <c r="M50" s="172" t="e">
        <f>NA()</f>
        <v>#N/A</v>
      </c>
      <c r="N50" s="172" t="e">
        <f>NA()</f>
        <v>#N/A</v>
      </c>
      <c r="O50" s="172">
        <f>IF(ISNUMBER('実質公債費比率（分子）の構造'!O$53),'実質公債費比率（分子）の構造'!O$53,NA())</f>
        <v>301</v>
      </c>
      <c r="P50" s="172" t="e">
        <f>NA()</f>
        <v>#N/A</v>
      </c>
    </row>
    <row r="53" spans="1:16" x14ac:dyDescent="0.2">
      <c r="A53" s="140" t="s">
        <v>74</v>
      </c>
    </row>
    <row r="54" spans="1:16" x14ac:dyDescent="0.2">
      <c r="A54" s="171"/>
      <c r="B54" s="171" t="str">
        <f>'将来負担比率（分子）の構造'!I$40</f>
        <v>H30</v>
      </c>
      <c r="C54" s="171"/>
      <c r="D54" s="171"/>
      <c r="E54" s="171" t="str">
        <f>'将来負担比率（分子）の構造'!J$40</f>
        <v>R01</v>
      </c>
      <c r="F54" s="171"/>
      <c r="G54" s="171"/>
      <c r="H54" s="171" t="str">
        <f>'将来負担比率（分子）の構造'!K$40</f>
        <v>R02</v>
      </c>
      <c r="I54" s="171"/>
      <c r="J54" s="171"/>
      <c r="K54" s="171" t="str">
        <f>'将来負担比率（分子）の構造'!L$40</f>
        <v>R03</v>
      </c>
      <c r="L54" s="171"/>
      <c r="M54" s="171"/>
      <c r="N54" s="171" t="str">
        <f>'将来負担比率（分子）の構造'!M$40</f>
        <v>R04</v>
      </c>
      <c r="O54" s="171"/>
      <c r="P54" s="171"/>
    </row>
    <row r="55" spans="1:16" x14ac:dyDescent="0.2">
      <c r="A55" s="171"/>
      <c r="B55" s="171" t="s">
        <v>75</v>
      </c>
      <c r="C55" s="171"/>
      <c r="D55" s="171" t="s">
        <v>76</v>
      </c>
      <c r="E55" s="171" t="s">
        <v>75</v>
      </c>
      <c r="F55" s="171"/>
      <c r="G55" s="171" t="s">
        <v>76</v>
      </c>
      <c r="H55" s="171" t="s">
        <v>75</v>
      </c>
      <c r="I55" s="171"/>
      <c r="J55" s="171" t="s">
        <v>76</v>
      </c>
      <c r="K55" s="171" t="s">
        <v>75</v>
      </c>
      <c r="L55" s="171"/>
      <c r="M55" s="171" t="s">
        <v>76</v>
      </c>
      <c r="N55" s="171" t="s">
        <v>75</v>
      </c>
      <c r="O55" s="171"/>
      <c r="P55" s="171" t="s">
        <v>76</v>
      </c>
    </row>
    <row r="56" spans="1:16" x14ac:dyDescent="0.2">
      <c r="A56" s="171" t="s">
        <v>45</v>
      </c>
      <c r="B56" s="171"/>
      <c r="C56" s="171"/>
      <c r="D56" s="171">
        <f>'将来負担比率（分子）の構造'!I$52</f>
        <v>8914</v>
      </c>
      <c r="E56" s="171"/>
      <c r="F56" s="171"/>
      <c r="G56" s="171">
        <f>'将来負担比率（分子）の構造'!J$52</f>
        <v>9053</v>
      </c>
      <c r="H56" s="171"/>
      <c r="I56" s="171"/>
      <c r="J56" s="171">
        <f>'将来負担比率（分子）の構造'!K$52</f>
        <v>8921</v>
      </c>
      <c r="K56" s="171"/>
      <c r="L56" s="171"/>
      <c r="M56" s="171">
        <f>'将来負担比率（分子）の構造'!L$52</f>
        <v>8780</v>
      </c>
      <c r="N56" s="171"/>
      <c r="O56" s="171"/>
      <c r="P56" s="171">
        <f>'将来負担比率（分子）の構造'!M$52</f>
        <v>8401</v>
      </c>
    </row>
    <row r="57" spans="1:16" x14ac:dyDescent="0.2">
      <c r="A57" s="171" t="s">
        <v>44</v>
      </c>
      <c r="B57" s="171"/>
      <c r="C57" s="171"/>
      <c r="D57" s="171" t="str">
        <f>'将来負担比率（分子）の構造'!I$51</f>
        <v>-</v>
      </c>
      <c r="E57" s="171"/>
      <c r="F57" s="171"/>
      <c r="G57" s="171" t="str">
        <f>'将来負担比率（分子）の構造'!J$51</f>
        <v>-</v>
      </c>
      <c r="H57" s="171"/>
      <c r="I57" s="171"/>
      <c r="J57" s="171" t="str">
        <f>'将来負担比率（分子）の構造'!K$51</f>
        <v>-</v>
      </c>
      <c r="K57" s="171"/>
      <c r="L57" s="171"/>
      <c r="M57" s="171" t="str">
        <f>'将来負担比率（分子）の構造'!L$51</f>
        <v>-</v>
      </c>
      <c r="N57" s="171"/>
      <c r="O57" s="171"/>
      <c r="P57" s="171" t="str">
        <f>'将来負担比率（分子）の構造'!M$51</f>
        <v>-</v>
      </c>
    </row>
    <row r="58" spans="1:16" x14ac:dyDescent="0.2">
      <c r="A58" s="171" t="s">
        <v>43</v>
      </c>
      <c r="B58" s="171"/>
      <c r="C58" s="171"/>
      <c r="D58" s="171">
        <f>'将来負担比率（分子）の構造'!I$50</f>
        <v>1914</v>
      </c>
      <c r="E58" s="171"/>
      <c r="F58" s="171"/>
      <c r="G58" s="171">
        <f>'将来負担比率（分子）の構造'!J$50</f>
        <v>2074</v>
      </c>
      <c r="H58" s="171"/>
      <c r="I58" s="171"/>
      <c r="J58" s="171">
        <f>'将来負担比率（分子）の構造'!K$50</f>
        <v>2237</v>
      </c>
      <c r="K58" s="171"/>
      <c r="L58" s="171"/>
      <c r="M58" s="171">
        <f>'将来負担比率（分子）の構造'!L$50</f>
        <v>2705</v>
      </c>
      <c r="N58" s="171"/>
      <c r="O58" s="171"/>
      <c r="P58" s="171">
        <f>'将来負担比率（分子）の構造'!M$50</f>
        <v>2837</v>
      </c>
    </row>
    <row r="59" spans="1:16" x14ac:dyDescent="0.2">
      <c r="A59" s="171" t="s">
        <v>41</v>
      </c>
      <c r="B59" s="171" t="str">
        <f>'将来負担比率（分子）の構造'!I$49</f>
        <v>-</v>
      </c>
      <c r="C59" s="171"/>
      <c r="D59" s="171"/>
      <c r="E59" s="171" t="str">
        <f>'将来負担比率（分子）の構造'!J$49</f>
        <v>-</v>
      </c>
      <c r="F59" s="171"/>
      <c r="G59" s="171"/>
      <c r="H59" s="171" t="str">
        <f>'将来負担比率（分子）の構造'!K$49</f>
        <v>-</v>
      </c>
      <c r="I59" s="171"/>
      <c r="J59" s="171"/>
      <c r="K59" s="171" t="str">
        <f>'将来負担比率（分子）の構造'!L$49</f>
        <v>-</v>
      </c>
      <c r="L59" s="171"/>
      <c r="M59" s="171"/>
      <c r="N59" s="171" t="str">
        <f>'将来負担比率（分子）の構造'!M$49</f>
        <v>-</v>
      </c>
      <c r="O59" s="171"/>
      <c r="P59" s="171"/>
    </row>
    <row r="60" spans="1:16" x14ac:dyDescent="0.2">
      <c r="A60" s="171" t="s">
        <v>40</v>
      </c>
      <c r="B60" s="171" t="str">
        <f>'将来負担比率（分子）の構造'!I$48</f>
        <v>-</v>
      </c>
      <c r="C60" s="171"/>
      <c r="D60" s="171"/>
      <c r="E60" s="171" t="str">
        <f>'将来負担比率（分子）の構造'!J$48</f>
        <v>-</v>
      </c>
      <c r="F60" s="171"/>
      <c r="G60" s="171"/>
      <c r="H60" s="171" t="str">
        <f>'将来負担比率（分子）の構造'!K$48</f>
        <v>-</v>
      </c>
      <c r="I60" s="171"/>
      <c r="J60" s="171"/>
      <c r="K60" s="171" t="str">
        <f>'将来負担比率（分子）の構造'!L$48</f>
        <v>-</v>
      </c>
      <c r="L60" s="171"/>
      <c r="M60" s="171"/>
      <c r="N60" s="171" t="str">
        <f>'将来負担比率（分子）の構造'!M$48</f>
        <v>-</v>
      </c>
      <c r="O60" s="171"/>
      <c r="P60" s="171"/>
    </row>
    <row r="61" spans="1:16" x14ac:dyDescent="0.2">
      <c r="A61" s="171" t="s">
        <v>38</v>
      </c>
      <c r="B61" s="171" t="str">
        <f>'将来負担比率（分子）の構造'!I$46</f>
        <v>-</v>
      </c>
      <c r="C61" s="171"/>
      <c r="D61" s="171"/>
      <c r="E61" s="171" t="str">
        <f>'将来負担比率（分子）の構造'!J$46</f>
        <v>-</v>
      </c>
      <c r="F61" s="171"/>
      <c r="G61" s="171"/>
      <c r="H61" s="171" t="str">
        <f>'将来負担比率（分子）の構造'!K$46</f>
        <v>-</v>
      </c>
      <c r="I61" s="171"/>
      <c r="J61" s="171"/>
      <c r="K61" s="171" t="str">
        <f>'将来負担比率（分子）の構造'!L$46</f>
        <v>-</v>
      </c>
      <c r="L61" s="171"/>
      <c r="M61" s="171"/>
      <c r="N61" s="171" t="str">
        <f>'将来負担比率（分子）の構造'!M$46</f>
        <v>-</v>
      </c>
      <c r="O61" s="171"/>
      <c r="P61" s="171"/>
    </row>
    <row r="62" spans="1:16" x14ac:dyDescent="0.2">
      <c r="A62" s="171" t="s">
        <v>37</v>
      </c>
      <c r="B62" s="171">
        <f>'将来負担比率（分子）の構造'!I$45</f>
        <v>1232</v>
      </c>
      <c r="C62" s="171"/>
      <c r="D62" s="171"/>
      <c r="E62" s="171">
        <f>'将来負担比率（分子）の構造'!J$45</f>
        <v>1203</v>
      </c>
      <c r="F62" s="171"/>
      <c r="G62" s="171"/>
      <c r="H62" s="171">
        <f>'将来負担比率（分子）の構造'!K$45</f>
        <v>1160</v>
      </c>
      <c r="I62" s="171"/>
      <c r="J62" s="171"/>
      <c r="K62" s="171">
        <f>'将来負担比率（分子）の構造'!L$45</f>
        <v>1136</v>
      </c>
      <c r="L62" s="171"/>
      <c r="M62" s="171"/>
      <c r="N62" s="171">
        <f>'将来負担比率（分子）の構造'!M$45</f>
        <v>1039</v>
      </c>
      <c r="O62" s="171"/>
      <c r="P62" s="171"/>
    </row>
    <row r="63" spans="1:16" x14ac:dyDescent="0.2">
      <c r="A63" s="171" t="s">
        <v>36</v>
      </c>
      <c r="B63" s="171" t="str">
        <f>'将来負担比率（分子）の構造'!I$44</f>
        <v>-</v>
      </c>
      <c r="C63" s="171"/>
      <c r="D63" s="171"/>
      <c r="E63" s="171" t="str">
        <f>'将来負担比率（分子）の構造'!J$44</f>
        <v>-</v>
      </c>
      <c r="F63" s="171"/>
      <c r="G63" s="171"/>
      <c r="H63" s="171" t="str">
        <f>'将来負担比率（分子）の構造'!K$44</f>
        <v>-</v>
      </c>
      <c r="I63" s="171"/>
      <c r="J63" s="171"/>
      <c r="K63" s="171" t="str">
        <f>'将来負担比率（分子）の構造'!L$44</f>
        <v>-</v>
      </c>
      <c r="L63" s="171"/>
      <c r="M63" s="171"/>
      <c r="N63" s="171" t="str">
        <f>'将来負担比率（分子）の構造'!M$44</f>
        <v>-</v>
      </c>
      <c r="O63" s="171"/>
      <c r="P63" s="171"/>
    </row>
    <row r="64" spans="1:16" x14ac:dyDescent="0.2">
      <c r="A64" s="171" t="s">
        <v>35</v>
      </c>
      <c r="B64" s="171">
        <f>'将来負担比率（分子）の構造'!I$43</f>
        <v>4125</v>
      </c>
      <c r="C64" s="171"/>
      <c r="D64" s="171"/>
      <c r="E64" s="171">
        <f>'将来負担比率（分子）の構造'!J$43</f>
        <v>3688</v>
      </c>
      <c r="F64" s="171"/>
      <c r="G64" s="171"/>
      <c r="H64" s="171">
        <f>'将来負担比率（分子）の構造'!K$43</f>
        <v>3355</v>
      </c>
      <c r="I64" s="171"/>
      <c r="J64" s="171"/>
      <c r="K64" s="171">
        <f>'将来負担比率（分子）の構造'!L$43</f>
        <v>3330</v>
      </c>
      <c r="L64" s="171"/>
      <c r="M64" s="171"/>
      <c r="N64" s="171">
        <f>'将来負担比率（分子）の構造'!M$43</f>
        <v>3487</v>
      </c>
      <c r="O64" s="171"/>
      <c r="P64" s="171"/>
    </row>
    <row r="65" spans="1:16" x14ac:dyDescent="0.2">
      <c r="A65" s="171" t="s">
        <v>34</v>
      </c>
      <c r="B65" s="171" t="str">
        <f>'将来負担比率（分子）の構造'!I$42</f>
        <v>-</v>
      </c>
      <c r="C65" s="171"/>
      <c r="D65" s="171"/>
      <c r="E65" s="171" t="str">
        <f>'将来負担比率（分子）の構造'!J$42</f>
        <v>-</v>
      </c>
      <c r="F65" s="171"/>
      <c r="G65" s="171"/>
      <c r="H65" s="171" t="str">
        <f>'将来負担比率（分子）の構造'!K$42</f>
        <v>-</v>
      </c>
      <c r="I65" s="171"/>
      <c r="J65" s="171"/>
      <c r="K65" s="171" t="str">
        <f>'将来負担比率（分子）の構造'!L$42</f>
        <v>-</v>
      </c>
      <c r="L65" s="171"/>
      <c r="M65" s="171"/>
      <c r="N65" s="171" t="str">
        <f>'将来負担比率（分子）の構造'!M$42</f>
        <v>-</v>
      </c>
      <c r="O65" s="171"/>
      <c r="P65" s="171"/>
    </row>
    <row r="66" spans="1:16" x14ac:dyDescent="0.2">
      <c r="A66" s="171" t="s">
        <v>33</v>
      </c>
      <c r="B66" s="171">
        <f>'将来負担比率（分子）の構造'!I$41</f>
        <v>7104</v>
      </c>
      <c r="C66" s="171"/>
      <c r="D66" s="171"/>
      <c r="E66" s="171">
        <f>'将来負担比率（分子）の構造'!J$41</f>
        <v>7620</v>
      </c>
      <c r="F66" s="171"/>
      <c r="G66" s="171"/>
      <c r="H66" s="171">
        <f>'将来負担比率（分子）の構造'!K$41</f>
        <v>7518</v>
      </c>
      <c r="I66" s="171"/>
      <c r="J66" s="171"/>
      <c r="K66" s="171">
        <f>'将来負担比率（分子）の構造'!L$41</f>
        <v>7350</v>
      </c>
      <c r="L66" s="171"/>
      <c r="M66" s="171"/>
      <c r="N66" s="171">
        <f>'将来負担比率（分子）の構造'!M$41</f>
        <v>6980</v>
      </c>
      <c r="O66" s="171"/>
      <c r="P66" s="171"/>
    </row>
    <row r="67" spans="1:16" x14ac:dyDescent="0.2">
      <c r="A67" s="171" t="s">
        <v>77</v>
      </c>
      <c r="B67" s="171" t="e">
        <f>NA()</f>
        <v>#N/A</v>
      </c>
      <c r="C67" s="171">
        <f>IF(ISNUMBER('将来負担比率（分子）の構造'!I$53), IF('将来負担比率（分子）の構造'!I$53 &lt; 0, 0, '将来負担比率（分子）の構造'!I$53), NA())</f>
        <v>1633</v>
      </c>
      <c r="D67" s="171" t="e">
        <f>NA()</f>
        <v>#N/A</v>
      </c>
      <c r="E67" s="171" t="e">
        <f>NA()</f>
        <v>#N/A</v>
      </c>
      <c r="F67" s="171">
        <f>IF(ISNUMBER('将来負担比率（分子）の構造'!J$53), IF('将来負担比率（分子）の構造'!J$53 &lt; 0, 0, '将来負担比率（分子）の構造'!J$53), NA())</f>
        <v>1383</v>
      </c>
      <c r="G67" s="171" t="e">
        <f>NA()</f>
        <v>#N/A</v>
      </c>
      <c r="H67" s="171" t="e">
        <f>NA()</f>
        <v>#N/A</v>
      </c>
      <c r="I67" s="171">
        <f>IF(ISNUMBER('将来負担比率（分子）の構造'!K$53), IF('将来負担比率（分子）の構造'!K$53 &lt; 0, 0, '将来負担比率（分子）の構造'!K$53), NA())</f>
        <v>875</v>
      </c>
      <c r="J67" s="171" t="e">
        <f>NA()</f>
        <v>#N/A</v>
      </c>
      <c r="K67" s="171" t="e">
        <f>NA()</f>
        <v>#N/A</v>
      </c>
      <c r="L67" s="171">
        <f>IF(ISNUMBER('将来負担比率（分子）の構造'!L$53), IF('将来負担比率（分子）の構造'!L$53 &lt; 0, 0, '将来負担比率（分子）の構造'!L$53), NA())</f>
        <v>330</v>
      </c>
      <c r="M67" s="171" t="e">
        <f>NA()</f>
        <v>#N/A</v>
      </c>
      <c r="N67" s="171" t="e">
        <f>NA()</f>
        <v>#N/A</v>
      </c>
      <c r="O67" s="171">
        <f>IF(ISNUMBER('将来負担比率（分子）の構造'!M$53), IF('将来負担比率（分子）の構造'!M$53 &lt; 0, 0, '将来負担比率（分子）の構造'!M$53), NA())</f>
        <v>269</v>
      </c>
      <c r="P67" s="171" t="e">
        <f>NA()</f>
        <v>#N/A</v>
      </c>
    </row>
    <row r="70" spans="1:16" x14ac:dyDescent="0.2">
      <c r="A70" s="173" t="s">
        <v>78</v>
      </c>
      <c r="B70" s="173"/>
      <c r="C70" s="173"/>
      <c r="D70" s="173"/>
      <c r="E70" s="173"/>
      <c r="F70" s="173"/>
    </row>
    <row r="71" spans="1:16" x14ac:dyDescent="0.2">
      <c r="A71" s="174"/>
      <c r="B71" s="174" t="str">
        <f>基金残高に係る経年分析!F54</f>
        <v>R02</v>
      </c>
      <c r="C71" s="174" t="str">
        <f>基金残高に係る経年分析!G54</f>
        <v>R03</v>
      </c>
      <c r="D71" s="174" t="str">
        <f>基金残高に係る経年分析!H54</f>
        <v>R04</v>
      </c>
    </row>
    <row r="72" spans="1:16" x14ac:dyDescent="0.2">
      <c r="A72" s="174" t="s">
        <v>79</v>
      </c>
      <c r="B72" s="175">
        <f>基金残高に係る経年分析!F55</f>
        <v>834</v>
      </c>
      <c r="C72" s="175">
        <f>基金残高に係る経年分析!G55</f>
        <v>942</v>
      </c>
      <c r="D72" s="175">
        <f>基金残高に係る経年分析!H55</f>
        <v>983</v>
      </c>
    </row>
    <row r="73" spans="1:16" x14ac:dyDescent="0.2">
      <c r="A73" s="174" t="s">
        <v>80</v>
      </c>
      <c r="B73" s="175" t="str">
        <f>基金残高に係る経年分析!F56</f>
        <v>-</v>
      </c>
      <c r="C73" s="175" t="str">
        <f>基金残高に係る経年分析!G56</f>
        <v>-</v>
      </c>
      <c r="D73" s="175" t="str">
        <f>基金残高に係る経年分析!H56</f>
        <v>-</v>
      </c>
    </row>
    <row r="74" spans="1:16" x14ac:dyDescent="0.2">
      <c r="A74" s="174" t="s">
        <v>81</v>
      </c>
      <c r="B74" s="175">
        <f>基金残高に係る経年分析!F57</f>
        <v>979</v>
      </c>
      <c r="C74" s="175">
        <f>基金残高に係る経年分析!G57</f>
        <v>1353</v>
      </c>
      <c r="D74" s="175">
        <f>基金残高に係る経年分析!H57</f>
        <v>1441</v>
      </c>
    </row>
  </sheetData>
  <sheetProtection algorithmName="SHA-512" hashValue="a1EQ6L0w+NVc/cBXQhYTees1dYgperkvoBY7b8KhRvwpcgtGjT50M7hE/6vu7bYA1Vcx/OQhdl81+6Py8m/Ixg==" saltValue="2L4SCtr94IVfeozmy1T2y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0" customWidth="1"/>
    <col min="2" max="2" width="2.36328125" style="210" customWidth="1"/>
    <col min="3" max="16" width="2.6328125" style="210" customWidth="1"/>
    <col min="17" max="17" width="2.36328125" style="210" customWidth="1"/>
    <col min="18" max="95" width="1.6328125" style="210" customWidth="1"/>
    <col min="96" max="133" width="1.6328125" style="222" customWidth="1"/>
    <col min="134" max="143" width="1.6328125" style="210" customWidth="1"/>
    <col min="144" max="16384" width="0" style="210" hidden="1"/>
  </cols>
  <sheetData>
    <row r="1" spans="2:143" ht="22.5" customHeight="1" thickBot="1" x14ac:dyDescent="0.25">
      <c r="B1" s="208"/>
      <c r="C1" s="209"/>
      <c r="D1" s="209"/>
      <c r="E1" s="209"/>
      <c r="F1" s="209"/>
      <c r="G1" s="209"/>
      <c r="H1" s="209"/>
      <c r="I1" s="209"/>
      <c r="J1" s="209"/>
      <c r="K1" s="209"/>
      <c r="L1" s="209"/>
      <c r="M1" s="209"/>
      <c r="N1" s="209"/>
      <c r="O1" s="209"/>
      <c r="P1" s="209"/>
      <c r="Q1" s="209"/>
      <c r="R1" s="209"/>
      <c r="S1" s="209"/>
      <c r="T1" s="209"/>
      <c r="U1" s="209"/>
      <c r="V1" s="209"/>
      <c r="W1" s="209"/>
      <c r="X1" s="209"/>
      <c r="Y1" s="209"/>
      <c r="Z1" s="209"/>
      <c r="AA1" s="209"/>
      <c r="AB1" s="209"/>
      <c r="AC1" s="209"/>
      <c r="AD1" s="209"/>
      <c r="AE1" s="209"/>
      <c r="AF1" s="209"/>
      <c r="AG1" s="209"/>
      <c r="AH1" s="209"/>
      <c r="AI1" s="209"/>
      <c r="AJ1" s="209"/>
      <c r="AK1" s="209"/>
      <c r="AL1" s="209"/>
      <c r="AM1" s="209"/>
      <c r="AN1" s="209"/>
      <c r="AO1" s="209"/>
      <c r="AP1" s="209"/>
      <c r="AQ1" s="209"/>
      <c r="AR1" s="209"/>
      <c r="AS1" s="209"/>
      <c r="AT1" s="209"/>
      <c r="AU1" s="209"/>
      <c r="AV1" s="209"/>
      <c r="AW1" s="209"/>
      <c r="AX1" s="209"/>
      <c r="AY1" s="209"/>
      <c r="AZ1" s="209"/>
      <c r="BA1" s="209"/>
      <c r="BB1" s="209"/>
      <c r="BC1" s="209"/>
      <c r="BD1" s="209"/>
      <c r="BE1" s="209"/>
      <c r="BF1" s="209"/>
      <c r="BG1" s="209"/>
      <c r="BH1" s="209"/>
      <c r="BI1" s="209"/>
      <c r="BJ1" s="209"/>
      <c r="BK1" s="209"/>
      <c r="BL1" s="209"/>
      <c r="BM1" s="209"/>
      <c r="BN1" s="209"/>
      <c r="BO1" s="209"/>
      <c r="BP1" s="209"/>
      <c r="BQ1" s="209"/>
      <c r="BR1" s="209"/>
      <c r="BS1" s="209"/>
      <c r="BT1" s="209"/>
      <c r="BU1" s="209"/>
      <c r="BV1" s="209"/>
      <c r="BW1" s="209"/>
      <c r="BX1" s="209"/>
      <c r="BY1" s="209"/>
      <c r="BZ1" s="209"/>
      <c r="CA1" s="209"/>
      <c r="CB1" s="209"/>
      <c r="CC1" s="209"/>
      <c r="CD1" s="209"/>
      <c r="CE1" s="209"/>
      <c r="CF1" s="209"/>
      <c r="CG1" s="209"/>
      <c r="CH1" s="209"/>
      <c r="CI1" s="209"/>
      <c r="CJ1" s="209"/>
      <c r="CK1" s="209"/>
      <c r="CL1" s="209"/>
      <c r="CM1" s="209"/>
      <c r="CN1" s="209"/>
      <c r="CO1" s="209"/>
      <c r="CP1" s="209"/>
      <c r="CQ1" s="209"/>
      <c r="CR1" s="209"/>
      <c r="CS1" s="209"/>
      <c r="CT1" s="209"/>
      <c r="CU1" s="209"/>
      <c r="CV1" s="209"/>
      <c r="CW1" s="209"/>
      <c r="CX1" s="209"/>
      <c r="CY1" s="209"/>
      <c r="CZ1" s="209"/>
      <c r="DA1" s="209"/>
      <c r="DB1" s="209"/>
      <c r="DC1" s="209"/>
      <c r="DD1" s="209"/>
      <c r="DE1" s="209"/>
      <c r="DF1" s="209"/>
      <c r="DG1" s="209"/>
      <c r="DH1" s="638" t="s">
        <v>221</v>
      </c>
      <c r="DI1" s="639"/>
      <c r="DJ1" s="639"/>
      <c r="DK1" s="639"/>
      <c r="DL1" s="639"/>
      <c r="DM1" s="639"/>
      <c r="DN1" s="640"/>
      <c r="DO1" s="210"/>
      <c r="DP1" s="638" t="s">
        <v>222</v>
      </c>
      <c r="DQ1" s="639"/>
      <c r="DR1" s="639"/>
      <c r="DS1" s="639"/>
      <c r="DT1" s="639"/>
      <c r="DU1" s="639"/>
      <c r="DV1" s="639"/>
      <c r="DW1" s="639"/>
      <c r="DX1" s="639"/>
      <c r="DY1" s="639"/>
      <c r="DZ1" s="639"/>
      <c r="EA1" s="639"/>
      <c r="EB1" s="639"/>
      <c r="EC1" s="640"/>
      <c r="ED1" s="209"/>
      <c r="EE1" s="209"/>
      <c r="EF1" s="209"/>
      <c r="EG1" s="209"/>
      <c r="EH1" s="209"/>
      <c r="EI1" s="209"/>
      <c r="EJ1" s="209"/>
      <c r="EK1" s="209"/>
      <c r="EL1" s="209"/>
      <c r="EM1" s="209"/>
    </row>
    <row r="2" spans="2:143" ht="22.5" customHeight="1" x14ac:dyDescent="0.2">
      <c r="B2" s="211" t="s">
        <v>223</v>
      </c>
      <c r="R2" s="212"/>
      <c r="S2" s="212"/>
      <c r="T2" s="212"/>
      <c r="U2" s="212"/>
      <c r="V2" s="212"/>
      <c r="W2" s="212"/>
      <c r="X2" s="212"/>
      <c r="Y2" s="212"/>
      <c r="Z2" s="212"/>
      <c r="AA2" s="212"/>
      <c r="AB2" s="212"/>
      <c r="AC2" s="212"/>
      <c r="AE2" s="213"/>
      <c r="AF2" s="213"/>
      <c r="AG2" s="213"/>
      <c r="AH2" s="213"/>
      <c r="AI2" s="213"/>
      <c r="AJ2" s="212"/>
      <c r="AK2" s="212"/>
      <c r="AL2" s="212"/>
      <c r="AM2" s="212"/>
      <c r="AN2" s="212"/>
      <c r="AO2" s="212"/>
      <c r="AP2" s="212"/>
      <c r="CD2" s="209"/>
      <c r="CE2" s="209"/>
      <c r="CF2" s="209"/>
      <c r="CG2" s="209"/>
      <c r="CH2" s="209"/>
      <c r="CI2" s="209"/>
      <c r="CJ2" s="209"/>
      <c r="CK2" s="209"/>
      <c r="CL2" s="209"/>
      <c r="CM2" s="209"/>
      <c r="CN2" s="209"/>
      <c r="CO2" s="209"/>
      <c r="CP2" s="209"/>
      <c r="CQ2" s="209"/>
      <c r="CR2" s="209"/>
      <c r="CS2" s="209"/>
      <c r="CT2" s="209"/>
      <c r="CU2" s="209"/>
      <c r="CV2" s="209"/>
      <c r="CW2" s="209"/>
      <c r="CX2" s="209"/>
      <c r="CY2" s="209"/>
      <c r="CZ2" s="209"/>
      <c r="DA2" s="209"/>
      <c r="DB2" s="209"/>
      <c r="DC2" s="209"/>
      <c r="DD2" s="209"/>
      <c r="DE2" s="209"/>
      <c r="DF2" s="209"/>
      <c r="DG2" s="209"/>
      <c r="DH2" s="209"/>
      <c r="DI2" s="209"/>
      <c r="DJ2" s="209"/>
      <c r="DK2" s="209"/>
      <c r="DL2" s="209"/>
      <c r="DM2" s="209"/>
      <c r="DN2" s="209"/>
      <c r="DO2" s="209"/>
      <c r="DP2" s="209"/>
      <c r="DQ2" s="209"/>
      <c r="DR2" s="209"/>
      <c r="DS2" s="209"/>
      <c r="DT2" s="209"/>
      <c r="DU2" s="209"/>
      <c r="DV2" s="209"/>
      <c r="DW2" s="209"/>
      <c r="DX2" s="209"/>
      <c r="DY2" s="209"/>
      <c r="DZ2" s="209"/>
      <c r="EA2" s="209"/>
      <c r="EB2" s="209"/>
      <c r="EC2" s="209"/>
    </row>
    <row r="3" spans="2:143" ht="11.25" customHeight="1" x14ac:dyDescent="0.2">
      <c r="B3" s="641" t="s">
        <v>224</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25</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26</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27</v>
      </c>
      <c r="S4" s="642"/>
      <c r="T4" s="642"/>
      <c r="U4" s="642"/>
      <c r="V4" s="642"/>
      <c r="W4" s="642"/>
      <c r="X4" s="642"/>
      <c r="Y4" s="643"/>
      <c r="Z4" s="641" t="s">
        <v>228</v>
      </c>
      <c r="AA4" s="642"/>
      <c r="AB4" s="642"/>
      <c r="AC4" s="643"/>
      <c r="AD4" s="641" t="s">
        <v>229</v>
      </c>
      <c r="AE4" s="642"/>
      <c r="AF4" s="642"/>
      <c r="AG4" s="642"/>
      <c r="AH4" s="642"/>
      <c r="AI4" s="642"/>
      <c r="AJ4" s="642"/>
      <c r="AK4" s="643"/>
      <c r="AL4" s="641" t="s">
        <v>228</v>
      </c>
      <c r="AM4" s="642"/>
      <c r="AN4" s="642"/>
      <c r="AO4" s="643"/>
      <c r="AP4" s="644" t="s">
        <v>230</v>
      </c>
      <c r="AQ4" s="644"/>
      <c r="AR4" s="644"/>
      <c r="AS4" s="644"/>
      <c r="AT4" s="644"/>
      <c r="AU4" s="644"/>
      <c r="AV4" s="644"/>
      <c r="AW4" s="644"/>
      <c r="AX4" s="644"/>
      <c r="AY4" s="644"/>
      <c r="AZ4" s="644"/>
      <c r="BA4" s="644"/>
      <c r="BB4" s="644"/>
      <c r="BC4" s="644"/>
      <c r="BD4" s="644"/>
      <c r="BE4" s="644"/>
      <c r="BF4" s="644"/>
      <c r="BG4" s="644" t="s">
        <v>231</v>
      </c>
      <c r="BH4" s="644"/>
      <c r="BI4" s="644"/>
      <c r="BJ4" s="644"/>
      <c r="BK4" s="644"/>
      <c r="BL4" s="644"/>
      <c r="BM4" s="644"/>
      <c r="BN4" s="644"/>
      <c r="BO4" s="644" t="s">
        <v>228</v>
      </c>
      <c r="BP4" s="644"/>
      <c r="BQ4" s="644"/>
      <c r="BR4" s="644"/>
      <c r="BS4" s="644" t="s">
        <v>232</v>
      </c>
      <c r="BT4" s="644"/>
      <c r="BU4" s="644"/>
      <c r="BV4" s="644"/>
      <c r="BW4" s="644"/>
      <c r="BX4" s="644"/>
      <c r="BY4" s="644"/>
      <c r="BZ4" s="644"/>
      <c r="CA4" s="644"/>
      <c r="CB4" s="644"/>
      <c r="CD4" s="641" t="s">
        <v>233</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34</v>
      </c>
      <c r="C5" s="646"/>
      <c r="D5" s="646"/>
      <c r="E5" s="646"/>
      <c r="F5" s="646"/>
      <c r="G5" s="646"/>
      <c r="H5" s="646"/>
      <c r="I5" s="646"/>
      <c r="J5" s="646"/>
      <c r="K5" s="646"/>
      <c r="L5" s="646"/>
      <c r="M5" s="646"/>
      <c r="N5" s="646"/>
      <c r="O5" s="646"/>
      <c r="P5" s="646"/>
      <c r="Q5" s="647"/>
      <c r="R5" s="648">
        <v>3409441</v>
      </c>
      <c r="S5" s="649"/>
      <c r="T5" s="649"/>
      <c r="U5" s="649"/>
      <c r="V5" s="649"/>
      <c r="W5" s="649"/>
      <c r="X5" s="649"/>
      <c r="Y5" s="650"/>
      <c r="Z5" s="651">
        <v>33.700000000000003</v>
      </c>
      <c r="AA5" s="651"/>
      <c r="AB5" s="651"/>
      <c r="AC5" s="651"/>
      <c r="AD5" s="652">
        <v>3409441</v>
      </c>
      <c r="AE5" s="652"/>
      <c r="AF5" s="652"/>
      <c r="AG5" s="652"/>
      <c r="AH5" s="652"/>
      <c r="AI5" s="652"/>
      <c r="AJ5" s="652"/>
      <c r="AK5" s="652"/>
      <c r="AL5" s="653">
        <v>56.2</v>
      </c>
      <c r="AM5" s="654"/>
      <c r="AN5" s="654"/>
      <c r="AO5" s="655"/>
      <c r="AP5" s="645" t="s">
        <v>235</v>
      </c>
      <c r="AQ5" s="646"/>
      <c r="AR5" s="646"/>
      <c r="AS5" s="646"/>
      <c r="AT5" s="646"/>
      <c r="AU5" s="646"/>
      <c r="AV5" s="646"/>
      <c r="AW5" s="646"/>
      <c r="AX5" s="646"/>
      <c r="AY5" s="646"/>
      <c r="AZ5" s="646"/>
      <c r="BA5" s="646"/>
      <c r="BB5" s="646"/>
      <c r="BC5" s="646"/>
      <c r="BD5" s="646"/>
      <c r="BE5" s="646"/>
      <c r="BF5" s="647"/>
      <c r="BG5" s="659">
        <v>3409441</v>
      </c>
      <c r="BH5" s="660"/>
      <c r="BI5" s="660"/>
      <c r="BJ5" s="660"/>
      <c r="BK5" s="660"/>
      <c r="BL5" s="660"/>
      <c r="BM5" s="660"/>
      <c r="BN5" s="661"/>
      <c r="BO5" s="662">
        <v>100</v>
      </c>
      <c r="BP5" s="662"/>
      <c r="BQ5" s="662"/>
      <c r="BR5" s="662"/>
      <c r="BS5" s="663" t="s">
        <v>236</v>
      </c>
      <c r="BT5" s="663"/>
      <c r="BU5" s="663"/>
      <c r="BV5" s="663"/>
      <c r="BW5" s="663"/>
      <c r="BX5" s="663"/>
      <c r="BY5" s="663"/>
      <c r="BZ5" s="663"/>
      <c r="CA5" s="663"/>
      <c r="CB5" s="667"/>
      <c r="CD5" s="641" t="s">
        <v>230</v>
      </c>
      <c r="CE5" s="642"/>
      <c r="CF5" s="642"/>
      <c r="CG5" s="642"/>
      <c r="CH5" s="642"/>
      <c r="CI5" s="642"/>
      <c r="CJ5" s="642"/>
      <c r="CK5" s="642"/>
      <c r="CL5" s="642"/>
      <c r="CM5" s="642"/>
      <c r="CN5" s="642"/>
      <c r="CO5" s="642"/>
      <c r="CP5" s="642"/>
      <c r="CQ5" s="643"/>
      <c r="CR5" s="641" t="s">
        <v>237</v>
      </c>
      <c r="CS5" s="642"/>
      <c r="CT5" s="642"/>
      <c r="CU5" s="642"/>
      <c r="CV5" s="642"/>
      <c r="CW5" s="642"/>
      <c r="CX5" s="642"/>
      <c r="CY5" s="643"/>
      <c r="CZ5" s="641" t="s">
        <v>228</v>
      </c>
      <c r="DA5" s="642"/>
      <c r="DB5" s="642"/>
      <c r="DC5" s="643"/>
      <c r="DD5" s="641" t="s">
        <v>238</v>
      </c>
      <c r="DE5" s="642"/>
      <c r="DF5" s="642"/>
      <c r="DG5" s="642"/>
      <c r="DH5" s="642"/>
      <c r="DI5" s="642"/>
      <c r="DJ5" s="642"/>
      <c r="DK5" s="642"/>
      <c r="DL5" s="642"/>
      <c r="DM5" s="642"/>
      <c r="DN5" s="642"/>
      <c r="DO5" s="642"/>
      <c r="DP5" s="643"/>
      <c r="DQ5" s="641" t="s">
        <v>239</v>
      </c>
      <c r="DR5" s="642"/>
      <c r="DS5" s="642"/>
      <c r="DT5" s="642"/>
      <c r="DU5" s="642"/>
      <c r="DV5" s="642"/>
      <c r="DW5" s="642"/>
      <c r="DX5" s="642"/>
      <c r="DY5" s="642"/>
      <c r="DZ5" s="642"/>
      <c r="EA5" s="642"/>
      <c r="EB5" s="642"/>
      <c r="EC5" s="643"/>
    </row>
    <row r="6" spans="2:143" ht="11.25" customHeight="1" x14ac:dyDescent="0.2">
      <c r="B6" s="656" t="s">
        <v>240</v>
      </c>
      <c r="C6" s="657"/>
      <c r="D6" s="657"/>
      <c r="E6" s="657"/>
      <c r="F6" s="657"/>
      <c r="G6" s="657"/>
      <c r="H6" s="657"/>
      <c r="I6" s="657"/>
      <c r="J6" s="657"/>
      <c r="K6" s="657"/>
      <c r="L6" s="657"/>
      <c r="M6" s="657"/>
      <c r="N6" s="657"/>
      <c r="O6" s="657"/>
      <c r="P6" s="657"/>
      <c r="Q6" s="658"/>
      <c r="R6" s="659">
        <v>61057</v>
      </c>
      <c r="S6" s="660"/>
      <c r="T6" s="660"/>
      <c r="U6" s="660"/>
      <c r="V6" s="660"/>
      <c r="W6" s="660"/>
      <c r="X6" s="660"/>
      <c r="Y6" s="661"/>
      <c r="Z6" s="662">
        <v>0.6</v>
      </c>
      <c r="AA6" s="662"/>
      <c r="AB6" s="662"/>
      <c r="AC6" s="662"/>
      <c r="AD6" s="663">
        <v>61057</v>
      </c>
      <c r="AE6" s="663"/>
      <c r="AF6" s="663"/>
      <c r="AG6" s="663"/>
      <c r="AH6" s="663"/>
      <c r="AI6" s="663"/>
      <c r="AJ6" s="663"/>
      <c r="AK6" s="663"/>
      <c r="AL6" s="664">
        <v>1</v>
      </c>
      <c r="AM6" s="665"/>
      <c r="AN6" s="665"/>
      <c r="AO6" s="666"/>
      <c r="AP6" s="656" t="s">
        <v>241</v>
      </c>
      <c r="AQ6" s="657"/>
      <c r="AR6" s="657"/>
      <c r="AS6" s="657"/>
      <c r="AT6" s="657"/>
      <c r="AU6" s="657"/>
      <c r="AV6" s="657"/>
      <c r="AW6" s="657"/>
      <c r="AX6" s="657"/>
      <c r="AY6" s="657"/>
      <c r="AZ6" s="657"/>
      <c r="BA6" s="657"/>
      <c r="BB6" s="657"/>
      <c r="BC6" s="657"/>
      <c r="BD6" s="657"/>
      <c r="BE6" s="657"/>
      <c r="BF6" s="658"/>
      <c r="BG6" s="659">
        <v>3409441</v>
      </c>
      <c r="BH6" s="660"/>
      <c r="BI6" s="660"/>
      <c r="BJ6" s="660"/>
      <c r="BK6" s="660"/>
      <c r="BL6" s="660"/>
      <c r="BM6" s="660"/>
      <c r="BN6" s="661"/>
      <c r="BO6" s="662">
        <v>100</v>
      </c>
      <c r="BP6" s="662"/>
      <c r="BQ6" s="662"/>
      <c r="BR6" s="662"/>
      <c r="BS6" s="663" t="s">
        <v>139</v>
      </c>
      <c r="BT6" s="663"/>
      <c r="BU6" s="663"/>
      <c r="BV6" s="663"/>
      <c r="BW6" s="663"/>
      <c r="BX6" s="663"/>
      <c r="BY6" s="663"/>
      <c r="BZ6" s="663"/>
      <c r="CA6" s="663"/>
      <c r="CB6" s="667"/>
      <c r="CD6" s="645" t="s">
        <v>242</v>
      </c>
      <c r="CE6" s="646"/>
      <c r="CF6" s="646"/>
      <c r="CG6" s="646"/>
      <c r="CH6" s="646"/>
      <c r="CI6" s="646"/>
      <c r="CJ6" s="646"/>
      <c r="CK6" s="646"/>
      <c r="CL6" s="646"/>
      <c r="CM6" s="646"/>
      <c r="CN6" s="646"/>
      <c r="CO6" s="646"/>
      <c r="CP6" s="646"/>
      <c r="CQ6" s="647"/>
      <c r="CR6" s="659">
        <v>120878</v>
      </c>
      <c r="CS6" s="660"/>
      <c r="CT6" s="660"/>
      <c r="CU6" s="660"/>
      <c r="CV6" s="660"/>
      <c r="CW6" s="660"/>
      <c r="CX6" s="660"/>
      <c r="CY6" s="661"/>
      <c r="CZ6" s="653">
        <v>1.3</v>
      </c>
      <c r="DA6" s="654"/>
      <c r="DB6" s="654"/>
      <c r="DC6" s="670"/>
      <c r="DD6" s="668" t="s">
        <v>139</v>
      </c>
      <c r="DE6" s="660"/>
      <c r="DF6" s="660"/>
      <c r="DG6" s="660"/>
      <c r="DH6" s="660"/>
      <c r="DI6" s="660"/>
      <c r="DJ6" s="660"/>
      <c r="DK6" s="660"/>
      <c r="DL6" s="660"/>
      <c r="DM6" s="660"/>
      <c r="DN6" s="660"/>
      <c r="DO6" s="660"/>
      <c r="DP6" s="661"/>
      <c r="DQ6" s="668">
        <v>120878</v>
      </c>
      <c r="DR6" s="660"/>
      <c r="DS6" s="660"/>
      <c r="DT6" s="660"/>
      <c r="DU6" s="660"/>
      <c r="DV6" s="660"/>
      <c r="DW6" s="660"/>
      <c r="DX6" s="660"/>
      <c r="DY6" s="660"/>
      <c r="DZ6" s="660"/>
      <c r="EA6" s="660"/>
      <c r="EB6" s="660"/>
      <c r="EC6" s="669"/>
    </row>
    <row r="7" spans="2:143" ht="11.25" customHeight="1" x14ac:dyDescent="0.2">
      <c r="B7" s="656" t="s">
        <v>243</v>
      </c>
      <c r="C7" s="657"/>
      <c r="D7" s="657"/>
      <c r="E7" s="657"/>
      <c r="F7" s="657"/>
      <c r="G7" s="657"/>
      <c r="H7" s="657"/>
      <c r="I7" s="657"/>
      <c r="J7" s="657"/>
      <c r="K7" s="657"/>
      <c r="L7" s="657"/>
      <c r="M7" s="657"/>
      <c r="N7" s="657"/>
      <c r="O7" s="657"/>
      <c r="P7" s="657"/>
      <c r="Q7" s="658"/>
      <c r="R7" s="659">
        <v>1528</v>
      </c>
      <c r="S7" s="660"/>
      <c r="T7" s="660"/>
      <c r="U7" s="660"/>
      <c r="V7" s="660"/>
      <c r="W7" s="660"/>
      <c r="X7" s="660"/>
      <c r="Y7" s="661"/>
      <c r="Z7" s="662">
        <v>0</v>
      </c>
      <c r="AA7" s="662"/>
      <c r="AB7" s="662"/>
      <c r="AC7" s="662"/>
      <c r="AD7" s="663">
        <v>1528</v>
      </c>
      <c r="AE7" s="663"/>
      <c r="AF7" s="663"/>
      <c r="AG7" s="663"/>
      <c r="AH7" s="663"/>
      <c r="AI7" s="663"/>
      <c r="AJ7" s="663"/>
      <c r="AK7" s="663"/>
      <c r="AL7" s="664">
        <v>0</v>
      </c>
      <c r="AM7" s="665"/>
      <c r="AN7" s="665"/>
      <c r="AO7" s="666"/>
      <c r="AP7" s="656" t="s">
        <v>244</v>
      </c>
      <c r="AQ7" s="657"/>
      <c r="AR7" s="657"/>
      <c r="AS7" s="657"/>
      <c r="AT7" s="657"/>
      <c r="AU7" s="657"/>
      <c r="AV7" s="657"/>
      <c r="AW7" s="657"/>
      <c r="AX7" s="657"/>
      <c r="AY7" s="657"/>
      <c r="AZ7" s="657"/>
      <c r="BA7" s="657"/>
      <c r="BB7" s="657"/>
      <c r="BC7" s="657"/>
      <c r="BD7" s="657"/>
      <c r="BE7" s="657"/>
      <c r="BF7" s="658"/>
      <c r="BG7" s="659">
        <v>1835455</v>
      </c>
      <c r="BH7" s="660"/>
      <c r="BI7" s="660"/>
      <c r="BJ7" s="660"/>
      <c r="BK7" s="660"/>
      <c r="BL7" s="660"/>
      <c r="BM7" s="660"/>
      <c r="BN7" s="661"/>
      <c r="BO7" s="662">
        <v>53.8</v>
      </c>
      <c r="BP7" s="662"/>
      <c r="BQ7" s="662"/>
      <c r="BR7" s="662"/>
      <c r="BS7" s="663" t="s">
        <v>139</v>
      </c>
      <c r="BT7" s="663"/>
      <c r="BU7" s="663"/>
      <c r="BV7" s="663"/>
      <c r="BW7" s="663"/>
      <c r="BX7" s="663"/>
      <c r="BY7" s="663"/>
      <c r="BZ7" s="663"/>
      <c r="CA7" s="663"/>
      <c r="CB7" s="667"/>
      <c r="CD7" s="656" t="s">
        <v>245</v>
      </c>
      <c r="CE7" s="657"/>
      <c r="CF7" s="657"/>
      <c r="CG7" s="657"/>
      <c r="CH7" s="657"/>
      <c r="CI7" s="657"/>
      <c r="CJ7" s="657"/>
      <c r="CK7" s="657"/>
      <c r="CL7" s="657"/>
      <c r="CM7" s="657"/>
      <c r="CN7" s="657"/>
      <c r="CO7" s="657"/>
      <c r="CP7" s="657"/>
      <c r="CQ7" s="658"/>
      <c r="CR7" s="659">
        <v>1447838</v>
      </c>
      <c r="CS7" s="660"/>
      <c r="CT7" s="660"/>
      <c r="CU7" s="660"/>
      <c r="CV7" s="660"/>
      <c r="CW7" s="660"/>
      <c r="CX7" s="660"/>
      <c r="CY7" s="661"/>
      <c r="CZ7" s="662">
        <v>15.1</v>
      </c>
      <c r="DA7" s="662"/>
      <c r="DB7" s="662"/>
      <c r="DC7" s="662"/>
      <c r="DD7" s="668">
        <v>45204</v>
      </c>
      <c r="DE7" s="660"/>
      <c r="DF7" s="660"/>
      <c r="DG7" s="660"/>
      <c r="DH7" s="660"/>
      <c r="DI7" s="660"/>
      <c r="DJ7" s="660"/>
      <c r="DK7" s="660"/>
      <c r="DL7" s="660"/>
      <c r="DM7" s="660"/>
      <c r="DN7" s="660"/>
      <c r="DO7" s="660"/>
      <c r="DP7" s="661"/>
      <c r="DQ7" s="668">
        <v>1298267</v>
      </c>
      <c r="DR7" s="660"/>
      <c r="DS7" s="660"/>
      <c r="DT7" s="660"/>
      <c r="DU7" s="660"/>
      <c r="DV7" s="660"/>
      <c r="DW7" s="660"/>
      <c r="DX7" s="660"/>
      <c r="DY7" s="660"/>
      <c r="DZ7" s="660"/>
      <c r="EA7" s="660"/>
      <c r="EB7" s="660"/>
      <c r="EC7" s="669"/>
    </row>
    <row r="8" spans="2:143" ht="11.25" customHeight="1" x14ac:dyDescent="0.2">
      <c r="B8" s="656" t="s">
        <v>246</v>
      </c>
      <c r="C8" s="657"/>
      <c r="D8" s="657"/>
      <c r="E8" s="657"/>
      <c r="F8" s="657"/>
      <c r="G8" s="657"/>
      <c r="H8" s="657"/>
      <c r="I8" s="657"/>
      <c r="J8" s="657"/>
      <c r="K8" s="657"/>
      <c r="L8" s="657"/>
      <c r="M8" s="657"/>
      <c r="N8" s="657"/>
      <c r="O8" s="657"/>
      <c r="P8" s="657"/>
      <c r="Q8" s="658"/>
      <c r="R8" s="659">
        <v>30730</v>
      </c>
      <c r="S8" s="660"/>
      <c r="T8" s="660"/>
      <c r="U8" s="660"/>
      <c r="V8" s="660"/>
      <c r="W8" s="660"/>
      <c r="X8" s="660"/>
      <c r="Y8" s="661"/>
      <c r="Z8" s="662">
        <v>0.3</v>
      </c>
      <c r="AA8" s="662"/>
      <c r="AB8" s="662"/>
      <c r="AC8" s="662"/>
      <c r="AD8" s="663">
        <v>30730</v>
      </c>
      <c r="AE8" s="663"/>
      <c r="AF8" s="663"/>
      <c r="AG8" s="663"/>
      <c r="AH8" s="663"/>
      <c r="AI8" s="663"/>
      <c r="AJ8" s="663"/>
      <c r="AK8" s="663"/>
      <c r="AL8" s="664">
        <v>0.5</v>
      </c>
      <c r="AM8" s="665"/>
      <c r="AN8" s="665"/>
      <c r="AO8" s="666"/>
      <c r="AP8" s="656" t="s">
        <v>247</v>
      </c>
      <c r="AQ8" s="657"/>
      <c r="AR8" s="657"/>
      <c r="AS8" s="657"/>
      <c r="AT8" s="657"/>
      <c r="AU8" s="657"/>
      <c r="AV8" s="657"/>
      <c r="AW8" s="657"/>
      <c r="AX8" s="657"/>
      <c r="AY8" s="657"/>
      <c r="AZ8" s="657"/>
      <c r="BA8" s="657"/>
      <c r="BB8" s="657"/>
      <c r="BC8" s="657"/>
      <c r="BD8" s="657"/>
      <c r="BE8" s="657"/>
      <c r="BF8" s="658"/>
      <c r="BG8" s="659">
        <v>51063</v>
      </c>
      <c r="BH8" s="660"/>
      <c r="BI8" s="660"/>
      <c r="BJ8" s="660"/>
      <c r="BK8" s="660"/>
      <c r="BL8" s="660"/>
      <c r="BM8" s="660"/>
      <c r="BN8" s="661"/>
      <c r="BO8" s="662">
        <v>1.5</v>
      </c>
      <c r="BP8" s="662"/>
      <c r="BQ8" s="662"/>
      <c r="BR8" s="662"/>
      <c r="BS8" s="663" t="s">
        <v>139</v>
      </c>
      <c r="BT8" s="663"/>
      <c r="BU8" s="663"/>
      <c r="BV8" s="663"/>
      <c r="BW8" s="663"/>
      <c r="BX8" s="663"/>
      <c r="BY8" s="663"/>
      <c r="BZ8" s="663"/>
      <c r="CA8" s="663"/>
      <c r="CB8" s="667"/>
      <c r="CD8" s="656" t="s">
        <v>248</v>
      </c>
      <c r="CE8" s="657"/>
      <c r="CF8" s="657"/>
      <c r="CG8" s="657"/>
      <c r="CH8" s="657"/>
      <c r="CI8" s="657"/>
      <c r="CJ8" s="657"/>
      <c r="CK8" s="657"/>
      <c r="CL8" s="657"/>
      <c r="CM8" s="657"/>
      <c r="CN8" s="657"/>
      <c r="CO8" s="657"/>
      <c r="CP8" s="657"/>
      <c r="CQ8" s="658"/>
      <c r="CR8" s="659">
        <v>3365901</v>
      </c>
      <c r="CS8" s="660"/>
      <c r="CT8" s="660"/>
      <c r="CU8" s="660"/>
      <c r="CV8" s="660"/>
      <c r="CW8" s="660"/>
      <c r="CX8" s="660"/>
      <c r="CY8" s="661"/>
      <c r="CZ8" s="662">
        <v>35.1</v>
      </c>
      <c r="DA8" s="662"/>
      <c r="DB8" s="662"/>
      <c r="DC8" s="662"/>
      <c r="DD8" s="668">
        <v>16269</v>
      </c>
      <c r="DE8" s="660"/>
      <c r="DF8" s="660"/>
      <c r="DG8" s="660"/>
      <c r="DH8" s="660"/>
      <c r="DI8" s="660"/>
      <c r="DJ8" s="660"/>
      <c r="DK8" s="660"/>
      <c r="DL8" s="660"/>
      <c r="DM8" s="660"/>
      <c r="DN8" s="660"/>
      <c r="DO8" s="660"/>
      <c r="DP8" s="661"/>
      <c r="DQ8" s="668">
        <v>1752064</v>
      </c>
      <c r="DR8" s="660"/>
      <c r="DS8" s="660"/>
      <c r="DT8" s="660"/>
      <c r="DU8" s="660"/>
      <c r="DV8" s="660"/>
      <c r="DW8" s="660"/>
      <c r="DX8" s="660"/>
      <c r="DY8" s="660"/>
      <c r="DZ8" s="660"/>
      <c r="EA8" s="660"/>
      <c r="EB8" s="660"/>
      <c r="EC8" s="669"/>
    </row>
    <row r="9" spans="2:143" ht="11.25" customHeight="1" x14ac:dyDescent="0.2">
      <c r="B9" s="656" t="s">
        <v>249</v>
      </c>
      <c r="C9" s="657"/>
      <c r="D9" s="657"/>
      <c r="E9" s="657"/>
      <c r="F9" s="657"/>
      <c r="G9" s="657"/>
      <c r="H9" s="657"/>
      <c r="I9" s="657"/>
      <c r="J9" s="657"/>
      <c r="K9" s="657"/>
      <c r="L9" s="657"/>
      <c r="M9" s="657"/>
      <c r="N9" s="657"/>
      <c r="O9" s="657"/>
      <c r="P9" s="657"/>
      <c r="Q9" s="658"/>
      <c r="R9" s="659">
        <v>23519</v>
      </c>
      <c r="S9" s="660"/>
      <c r="T9" s="660"/>
      <c r="U9" s="660"/>
      <c r="V9" s="660"/>
      <c r="W9" s="660"/>
      <c r="X9" s="660"/>
      <c r="Y9" s="661"/>
      <c r="Z9" s="662">
        <v>0.2</v>
      </c>
      <c r="AA9" s="662"/>
      <c r="AB9" s="662"/>
      <c r="AC9" s="662"/>
      <c r="AD9" s="663">
        <v>23519</v>
      </c>
      <c r="AE9" s="663"/>
      <c r="AF9" s="663"/>
      <c r="AG9" s="663"/>
      <c r="AH9" s="663"/>
      <c r="AI9" s="663"/>
      <c r="AJ9" s="663"/>
      <c r="AK9" s="663"/>
      <c r="AL9" s="664">
        <v>0.4</v>
      </c>
      <c r="AM9" s="665"/>
      <c r="AN9" s="665"/>
      <c r="AO9" s="666"/>
      <c r="AP9" s="656" t="s">
        <v>250</v>
      </c>
      <c r="AQ9" s="657"/>
      <c r="AR9" s="657"/>
      <c r="AS9" s="657"/>
      <c r="AT9" s="657"/>
      <c r="AU9" s="657"/>
      <c r="AV9" s="657"/>
      <c r="AW9" s="657"/>
      <c r="AX9" s="657"/>
      <c r="AY9" s="657"/>
      <c r="AZ9" s="657"/>
      <c r="BA9" s="657"/>
      <c r="BB9" s="657"/>
      <c r="BC9" s="657"/>
      <c r="BD9" s="657"/>
      <c r="BE9" s="657"/>
      <c r="BF9" s="658"/>
      <c r="BG9" s="659">
        <v>1711090</v>
      </c>
      <c r="BH9" s="660"/>
      <c r="BI9" s="660"/>
      <c r="BJ9" s="660"/>
      <c r="BK9" s="660"/>
      <c r="BL9" s="660"/>
      <c r="BM9" s="660"/>
      <c r="BN9" s="661"/>
      <c r="BO9" s="662">
        <v>50.2</v>
      </c>
      <c r="BP9" s="662"/>
      <c r="BQ9" s="662"/>
      <c r="BR9" s="662"/>
      <c r="BS9" s="663" t="s">
        <v>139</v>
      </c>
      <c r="BT9" s="663"/>
      <c r="BU9" s="663"/>
      <c r="BV9" s="663"/>
      <c r="BW9" s="663"/>
      <c r="BX9" s="663"/>
      <c r="BY9" s="663"/>
      <c r="BZ9" s="663"/>
      <c r="CA9" s="663"/>
      <c r="CB9" s="667"/>
      <c r="CD9" s="656" t="s">
        <v>251</v>
      </c>
      <c r="CE9" s="657"/>
      <c r="CF9" s="657"/>
      <c r="CG9" s="657"/>
      <c r="CH9" s="657"/>
      <c r="CI9" s="657"/>
      <c r="CJ9" s="657"/>
      <c r="CK9" s="657"/>
      <c r="CL9" s="657"/>
      <c r="CM9" s="657"/>
      <c r="CN9" s="657"/>
      <c r="CO9" s="657"/>
      <c r="CP9" s="657"/>
      <c r="CQ9" s="658"/>
      <c r="CR9" s="659">
        <v>1022554</v>
      </c>
      <c r="CS9" s="660"/>
      <c r="CT9" s="660"/>
      <c r="CU9" s="660"/>
      <c r="CV9" s="660"/>
      <c r="CW9" s="660"/>
      <c r="CX9" s="660"/>
      <c r="CY9" s="661"/>
      <c r="CZ9" s="662">
        <v>10.7</v>
      </c>
      <c r="DA9" s="662"/>
      <c r="DB9" s="662"/>
      <c r="DC9" s="662"/>
      <c r="DD9" s="668">
        <v>5568</v>
      </c>
      <c r="DE9" s="660"/>
      <c r="DF9" s="660"/>
      <c r="DG9" s="660"/>
      <c r="DH9" s="660"/>
      <c r="DI9" s="660"/>
      <c r="DJ9" s="660"/>
      <c r="DK9" s="660"/>
      <c r="DL9" s="660"/>
      <c r="DM9" s="660"/>
      <c r="DN9" s="660"/>
      <c r="DO9" s="660"/>
      <c r="DP9" s="661"/>
      <c r="DQ9" s="668">
        <v>663190</v>
      </c>
      <c r="DR9" s="660"/>
      <c r="DS9" s="660"/>
      <c r="DT9" s="660"/>
      <c r="DU9" s="660"/>
      <c r="DV9" s="660"/>
      <c r="DW9" s="660"/>
      <c r="DX9" s="660"/>
      <c r="DY9" s="660"/>
      <c r="DZ9" s="660"/>
      <c r="EA9" s="660"/>
      <c r="EB9" s="660"/>
      <c r="EC9" s="669"/>
    </row>
    <row r="10" spans="2:143" ht="11.25" customHeight="1" x14ac:dyDescent="0.2">
      <c r="B10" s="656" t="s">
        <v>252</v>
      </c>
      <c r="C10" s="657"/>
      <c r="D10" s="657"/>
      <c r="E10" s="657"/>
      <c r="F10" s="657"/>
      <c r="G10" s="657"/>
      <c r="H10" s="657"/>
      <c r="I10" s="657"/>
      <c r="J10" s="657"/>
      <c r="K10" s="657"/>
      <c r="L10" s="657"/>
      <c r="M10" s="657"/>
      <c r="N10" s="657"/>
      <c r="O10" s="657"/>
      <c r="P10" s="657"/>
      <c r="Q10" s="658"/>
      <c r="R10" s="659" t="s">
        <v>139</v>
      </c>
      <c r="S10" s="660"/>
      <c r="T10" s="660"/>
      <c r="U10" s="660"/>
      <c r="V10" s="660"/>
      <c r="W10" s="660"/>
      <c r="X10" s="660"/>
      <c r="Y10" s="661"/>
      <c r="Z10" s="662" t="s">
        <v>139</v>
      </c>
      <c r="AA10" s="662"/>
      <c r="AB10" s="662"/>
      <c r="AC10" s="662"/>
      <c r="AD10" s="663" t="s">
        <v>139</v>
      </c>
      <c r="AE10" s="663"/>
      <c r="AF10" s="663"/>
      <c r="AG10" s="663"/>
      <c r="AH10" s="663"/>
      <c r="AI10" s="663"/>
      <c r="AJ10" s="663"/>
      <c r="AK10" s="663"/>
      <c r="AL10" s="664" t="s">
        <v>139</v>
      </c>
      <c r="AM10" s="665"/>
      <c r="AN10" s="665"/>
      <c r="AO10" s="666"/>
      <c r="AP10" s="656" t="s">
        <v>253</v>
      </c>
      <c r="AQ10" s="657"/>
      <c r="AR10" s="657"/>
      <c r="AS10" s="657"/>
      <c r="AT10" s="657"/>
      <c r="AU10" s="657"/>
      <c r="AV10" s="657"/>
      <c r="AW10" s="657"/>
      <c r="AX10" s="657"/>
      <c r="AY10" s="657"/>
      <c r="AZ10" s="657"/>
      <c r="BA10" s="657"/>
      <c r="BB10" s="657"/>
      <c r="BC10" s="657"/>
      <c r="BD10" s="657"/>
      <c r="BE10" s="657"/>
      <c r="BF10" s="658"/>
      <c r="BG10" s="659">
        <v>50138</v>
      </c>
      <c r="BH10" s="660"/>
      <c r="BI10" s="660"/>
      <c r="BJ10" s="660"/>
      <c r="BK10" s="660"/>
      <c r="BL10" s="660"/>
      <c r="BM10" s="660"/>
      <c r="BN10" s="661"/>
      <c r="BO10" s="662">
        <v>1.5</v>
      </c>
      <c r="BP10" s="662"/>
      <c r="BQ10" s="662"/>
      <c r="BR10" s="662"/>
      <c r="BS10" s="663" t="s">
        <v>139</v>
      </c>
      <c r="BT10" s="663"/>
      <c r="BU10" s="663"/>
      <c r="BV10" s="663"/>
      <c r="BW10" s="663"/>
      <c r="BX10" s="663"/>
      <c r="BY10" s="663"/>
      <c r="BZ10" s="663"/>
      <c r="CA10" s="663"/>
      <c r="CB10" s="667"/>
      <c r="CD10" s="656" t="s">
        <v>254</v>
      </c>
      <c r="CE10" s="657"/>
      <c r="CF10" s="657"/>
      <c r="CG10" s="657"/>
      <c r="CH10" s="657"/>
      <c r="CI10" s="657"/>
      <c r="CJ10" s="657"/>
      <c r="CK10" s="657"/>
      <c r="CL10" s="657"/>
      <c r="CM10" s="657"/>
      <c r="CN10" s="657"/>
      <c r="CO10" s="657"/>
      <c r="CP10" s="657"/>
      <c r="CQ10" s="658"/>
      <c r="CR10" s="659">
        <v>6443</v>
      </c>
      <c r="CS10" s="660"/>
      <c r="CT10" s="660"/>
      <c r="CU10" s="660"/>
      <c r="CV10" s="660"/>
      <c r="CW10" s="660"/>
      <c r="CX10" s="660"/>
      <c r="CY10" s="661"/>
      <c r="CZ10" s="662">
        <v>0.1</v>
      </c>
      <c r="DA10" s="662"/>
      <c r="DB10" s="662"/>
      <c r="DC10" s="662"/>
      <c r="DD10" s="668" t="s">
        <v>139</v>
      </c>
      <c r="DE10" s="660"/>
      <c r="DF10" s="660"/>
      <c r="DG10" s="660"/>
      <c r="DH10" s="660"/>
      <c r="DI10" s="660"/>
      <c r="DJ10" s="660"/>
      <c r="DK10" s="660"/>
      <c r="DL10" s="660"/>
      <c r="DM10" s="660"/>
      <c r="DN10" s="660"/>
      <c r="DO10" s="660"/>
      <c r="DP10" s="661"/>
      <c r="DQ10" s="668">
        <v>1443</v>
      </c>
      <c r="DR10" s="660"/>
      <c r="DS10" s="660"/>
      <c r="DT10" s="660"/>
      <c r="DU10" s="660"/>
      <c r="DV10" s="660"/>
      <c r="DW10" s="660"/>
      <c r="DX10" s="660"/>
      <c r="DY10" s="660"/>
      <c r="DZ10" s="660"/>
      <c r="EA10" s="660"/>
      <c r="EB10" s="660"/>
      <c r="EC10" s="669"/>
    </row>
    <row r="11" spans="2:143" ht="11.25" customHeight="1" x14ac:dyDescent="0.2">
      <c r="B11" s="656" t="s">
        <v>255</v>
      </c>
      <c r="C11" s="657"/>
      <c r="D11" s="657"/>
      <c r="E11" s="657"/>
      <c r="F11" s="657"/>
      <c r="G11" s="657"/>
      <c r="H11" s="657"/>
      <c r="I11" s="657"/>
      <c r="J11" s="657"/>
      <c r="K11" s="657"/>
      <c r="L11" s="657"/>
      <c r="M11" s="657"/>
      <c r="N11" s="657"/>
      <c r="O11" s="657"/>
      <c r="P11" s="657"/>
      <c r="Q11" s="658"/>
      <c r="R11" s="659">
        <v>578237</v>
      </c>
      <c r="S11" s="660"/>
      <c r="T11" s="660"/>
      <c r="U11" s="660"/>
      <c r="V11" s="660"/>
      <c r="W11" s="660"/>
      <c r="X11" s="660"/>
      <c r="Y11" s="661"/>
      <c r="Z11" s="664">
        <v>5.7</v>
      </c>
      <c r="AA11" s="665"/>
      <c r="AB11" s="665"/>
      <c r="AC11" s="671"/>
      <c r="AD11" s="668">
        <v>578237</v>
      </c>
      <c r="AE11" s="660"/>
      <c r="AF11" s="660"/>
      <c r="AG11" s="660"/>
      <c r="AH11" s="660"/>
      <c r="AI11" s="660"/>
      <c r="AJ11" s="660"/>
      <c r="AK11" s="661"/>
      <c r="AL11" s="664">
        <v>9.5</v>
      </c>
      <c r="AM11" s="665"/>
      <c r="AN11" s="665"/>
      <c r="AO11" s="666"/>
      <c r="AP11" s="656" t="s">
        <v>256</v>
      </c>
      <c r="AQ11" s="657"/>
      <c r="AR11" s="657"/>
      <c r="AS11" s="657"/>
      <c r="AT11" s="657"/>
      <c r="AU11" s="657"/>
      <c r="AV11" s="657"/>
      <c r="AW11" s="657"/>
      <c r="AX11" s="657"/>
      <c r="AY11" s="657"/>
      <c r="AZ11" s="657"/>
      <c r="BA11" s="657"/>
      <c r="BB11" s="657"/>
      <c r="BC11" s="657"/>
      <c r="BD11" s="657"/>
      <c r="BE11" s="657"/>
      <c r="BF11" s="658"/>
      <c r="BG11" s="659">
        <v>23164</v>
      </c>
      <c r="BH11" s="660"/>
      <c r="BI11" s="660"/>
      <c r="BJ11" s="660"/>
      <c r="BK11" s="660"/>
      <c r="BL11" s="660"/>
      <c r="BM11" s="660"/>
      <c r="BN11" s="661"/>
      <c r="BO11" s="662">
        <v>0.7</v>
      </c>
      <c r="BP11" s="662"/>
      <c r="BQ11" s="662"/>
      <c r="BR11" s="662"/>
      <c r="BS11" s="663" t="s">
        <v>139</v>
      </c>
      <c r="BT11" s="663"/>
      <c r="BU11" s="663"/>
      <c r="BV11" s="663"/>
      <c r="BW11" s="663"/>
      <c r="BX11" s="663"/>
      <c r="BY11" s="663"/>
      <c r="BZ11" s="663"/>
      <c r="CA11" s="663"/>
      <c r="CB11" s="667"/>
      <c r="CD11" s="656" t="s">
        <v>257</v>
      </c>
      <c r="CE11" s="657"/>
      <c r="CF11" s="657"/>
      <c r="CG11" s="657"/>
      <c r="CH11" s="657"/>
      <c r="CI11" s="657"/>
      <c r="CJ11" s="657"/>
      <c r="CK11" s="657"/>
      <c r="CL11" s="657"/>
      <c r="CM11" s="657"/>
      <c r="CN11" s="657"/>
      <c r="CO11" s="657"/>
      <c r="CP11" s="657"/>
      <c r="CQ11" s="658"/>
      <c r="CR11" s="659">
        <v>86800</v>
      </c>
      <c r="CS11" s="660"/>
      <c r="CT11" s="660"/>
      <c r="CU11" s="660"/>
      <c r="CV11" s="660"/>
      <c r="CW11" s="660"/>
      <c r="CX11" s="660"/>
      <c r="CY11" s="661"/>
      <c r="CZ11" s="662">
        <v>0.9</v>
      </c>
      <c r="DA11" s="662"/>
      <c r="DB11" s="662"/>
      <c r="DC11" s="662"/>
      <c r="DD11" s="668">
        <v>7995</v>
      </c>
      <c r="DE11" s="660"/>
      <c r="DF11" s="660"/>
      <c r="DG11" s="660"/>
      <c r="DH11" s="660"/>
      <c r="DI11" s="660"/>
      <c r="DJ11" s="660"/>
      <c r="DK11" s="660"/>
      <c r="DL11" s="660"/>
      <c r="DM11" s="660"/>
      <c r="DN11" s="660"/>
      <c r="DO11" s="660"/>
      <c r="DP11" s="661"/>
      <c r="DQ11" s="668">
        <v>80004</v>
      </c>
      <c r="DR11" s="660"/>
      <c r="DS11" s="660"/>
      <c r="DT11" s="660"/>
      <c r="DU11" s="660"/>
      <c r="DV11" s="660"/>
      <c r="DW11" s="660"/>
      <c r="DX11" s="660"/>
      <c r="DY11" s="660"/>
      <c r="DZ11" s="660"/>
      <c r="EA11" s="660"/>
      <c r="EB11" s="660"/>
      <c r="EC11" s="669"/>
    </row>
    <row r="12" spans="2:143" ht="11.25" customHeight="1" x14ac:dyDescent="0.2">
      <c r="B12" s="656" t="s">
        <v>258</v>
      </c>
      <c r="C12" s="657"/>
      <c r="D12" s="657"/>
      <c r="E12" s="657"/>
      <c r="F12" s="657"/>
      <c r="G12" s="657"/>
      <c r="H12" s="657"/>
      <c r="I12" s="657"/>
      <c r="J12" s="657"/>
      <c r="K12" s="657"/>
      <c r="L12" s="657"/>
      <c r="M12" s="657"/>
      <c r="N12" s="657"/>
      <c r="O12" s="657"/>
      <c r="P12" s="657"/>
      <c r="Q12" s="658"/>
      <c r="R12" s="659">
        <v>7848</v>
      </c>
      <c r="S12" s="660"/>
      <c r="T12" s="660"/>
      <c r="U12" s="660"/>
      <c r="V12" s="660"/>
      <c r="W12" s="660"/>
      <c r="X12" s="660"/>
      <c r="Y12" s="661"/>
      <c r="Z12" s="662">
        <v>0.1</v>
      </c>
      <c r="AA12" s="662"/>
      <c r="AB12" s="662"/>
      <c r="AC12" s="662"/>
      <c r="AD12" s="663">
        <v>7848</v>
      </c>
      <c r="AE12" s="663"/>
      <c r="AF12" s="663"/>
      <c r="AG12" s="663"/>
      <c r="AH12" s="663"/>
      <c r="AI12" s="663"/>
      <c r="AJ12" s="663"/>
      <c r="AK12" s="663"/>
      <c r="AL12" s="664">
        <v>0.1</v>
      </c>
      <c r="AM12" s="665"/>
      <c r="AN12" s="665"/>
      <c r="AO12" s="666"/>
      <c r="AP12" s="656" t="s">
        <v>259</v>
      </c>
      <c r="AQ12" s="657"/>
      <c r="AR12" s="657"/>
      <c r="AS12" s="657"/>
      <c r="AT12" s="657"/>
      <c r="AU12" s="657"/>
      <c r="AV12" s="657"/>
      <c r="AW12" s="657"/>
      <c r="AX12" s="657"/>
      <c r="AY12" s="657"/>
      <c r="AZ12" s="657"/>
      <c r="BA12" s="657"/>
      <c r="BB12" s="657"/>
      <c r="BC12" s="657"/>
      <c r="BD12" s="657"/>
      <c r="BE12" s="657"/>
      <c r="BF12" s="658"/>
      <c r="BG12" s="659">
        <v>1382898</v>
      </c>
      <c r="BH12" s="660"/>
      <c r="BI12" s="660"/>
      <c r="BJ12" s="660"/>
      <c r="BK12" s="660"/>
      <c r="BL12" s="660"/>
      <c r="BM12" s="660"/>
      <c r="BN12" s="661"/>
      <c r="BO12" s="662">
        <v>40.6</v>
      </c>
      <c r="BP12" s="662"/>
      <c r="BQ12" s="662"/>
      <c r="BR12" s="662"/>
      <c r="BS12" s="663" t="s">
        <v>139</v>
      </c>
      <c r="BT12" s="663"/>
      <c r="BU12" s="663"/>
      <c r="BV12" s="663"/>
      <c r="BW12" s="663"/>
      <c r="BX12" s="663"/>
      <c r="BY12" s="663"/>
      <c r="BZ12" s="663"/>
      <c r="CA12" s="663"/>
      <c r="CB12" s="667"/>
      <c r="CD12" s="656" t="s">
        <v>260</v>
      </c>
      <c r="CE12" s="657"/>
      <c r="CF12" s="657"/>
      <c r="CG12" s="657"/>
      <c r="CH12" s="657"/>
      <c r="CI12" s="657"/>
      <c r="CJ12" s="657"/>
      <c r="CK12" s="657"/>
      <c r="CL12" s="657"/>
      <c r="CM12" s="657"/>
      <c r="CN12" s="657"/>
      <c r="CO12" s="657"/>
      <c r="CP12" s="657"/>
      <c r="CQ12" s="658"/>
      <c r="CR12" s="659">
        <v>167021</v>
      </c>
      <c r="CS12" s="660"/>
      <c r="CT12" s="660"/>
      <c r="CU12" s="660"/>
      <c r="CV12" s="660"/>
      <c r="CW12" s="660"/>
      <c r="CX12" s="660"/>
      <c r="CY12" s="661"/>
      <c r="CZ12" s="662">
        <v>1.7</v>
      </c>
      <c r="DA12" s="662"/>
      <c r="DB12" s="662"/>
      <c r="DC12" s="662"/>
      <c r="DD12" s="668" t="s">
        <v>139</v>
      </c>
      <c r="DE12" s="660"/>
      <c r="DF12" s="660"/>
      <c r="DG12" s="660"/>
      <c r="DH12" s="660"/>
      <c r="DI12" s="660"/>
      <c r="DJ12" s="660"/>
      <c r="DK12" s="660"/>
      <c r="DL12" s="660"/>
      <c r="DM12" s="660"/>
      <c r="DN12" s="660"/>
      <c r="DO12" s="660"/>
      <c r="DP12" s="661"/>
      <c r="DQ12" s="668">
        <v>146193</v>
      </c>
      <c r="DR12" s="660"/>
      <c r="DS12" s="660"/>
      <c r="DT12" s="660"/>
      <c r="DU12" s="660"/>
      <c r="DV12" s="660"/>
      <c r="DW12" s="660"/>
      <c r="DX12" s="660"/>
      <c r="DY12" s="660"/>
      <c r="DZ12" s="660"/>
      <c r="EA12" s="660"/>
      <c r="EB12" s="660"/>
      <c r="EC12" s="669"/>
    </row>
    <row r="13" spans="2:143" ht="11.25" customHeight="1" x14ac:dyDescent="0.2">
      <c r="B13" s="656" t="s">
        <v>261</v>
      </c>
      <c r="C13" s="657"/>
      <c r="D13" s="657"/>
      <c r="E13" s="657"/>
      <c r="F13" s="657"/>
      <c r="G13" s="657"/>
      <c r="H13" s="657"/>
      <c r="I13" s="657"/>
      <c r="J13" s="657"/>
      <c r="K13" s="657"/>
      <c r="L13" s="657"/>
      <c r="M13" s="657"/>
      <c r="N13" s="657"/>
      <c r="O13" s="657"/>
      <c r="P13" s="657"/>
      <c r="Q13" s="658"/>
      <c r="R13" s="659" t="s">
        <v>139</v>
      </c>
      <c r="S13" s="660"/>
      <c r="T13" s="660"/>
      <c r="U13" s="660"/>
      <c r="V13" s="660"/>
      <c r="W13" s="660"/>
      <c r="X13" s="660"/>
      <c r="Y13" s="661"/>
      <c r="Z13" s="662" t="s">
        <v>139</v>
      </c>
      <c r="AA13" s="662"/>
      <c r="AB13" s="662"/>
      <c r="AC13" s="662"/>
      <c r="AD13" s="663" t="s">
        <v>139</v>
      </c>
      <c r="AE13" s="663"/>
      <c r="AF13" s="663"/>
      <c r="AG13" s="663"/>
      <c r="AH13" s="663"/>
      <c r="AI13" s="663"/>
      <c r="AJ13" s="663"/>
      <c r="AK13" s="663"/>
      <c r="AL13" s="664" t="s">
        <v>139</v>
      </c>
      <c r="AM13" s="665"/>
      <c r="AN13" s="665"/>
      <c r="AO13" s="666"/>
      <c r="AP13" s="656" t="s">
        <v>262</v>
      </c>
      <c r="AQ13" s="657"/>
      <c r="AR13" s="657"/>
      <c r="AS13" s="657"/>
      <c r="AT13" s="657"/>
      <c r="AU13" s="657"/>
      <c r="AV13" s="657"/>
      <c r="AW13" s="657"/>
      <c r="AX13" s="657"/>
      <c r="AY13" s="657"/>
      <c r="AZ13" s="657"/>
      <c r="BA13" s="657"/>
      <c r="BB13" s="657"/>
      <c r="BC13" s="657"/>
      <c r="BD13" s="657"/>
      <c r="BE13" s="657"/>
      <c r="BF13" s="658"/>
      <c r="BG13" s="659">
        <v>1376469</v>
      </c>
      <c r="BH13" s="660"/>
      <c r="BI13" s="660"/>
      <c r="BJ13" s="660"/>
      <c r="BK13" s="660"/>
      <c r="BL13" s="660"/>
      <c r="BM13" s="660"/>
      <c r="BN13" s="661"/>
      <c r="BO13" s="662">
        <v>40.4</v>
      </c>
      <c r="BP13" s="662"/>
      <c r="BQ13" s="662"/>
      <c r="BR13" s="662"/>
      <c r="BS13" s="663" t="s">
        <v>139</v>
      </c>
      <c r="BT13" s="663"/>
      <c r="BU13" s="663"/>
      <c r="BV13" s="663"/>
      <c r="BW13" s="663"/>
      <c r="BX13" s="663"/>
      <c r="BY13" s="663"/>
      <c r="BZ13" s="663"/>
      <c r="CA13" s="663"/>
      <c r="CB13" s="667"/>
      <c r="CD13" s="656" t="s">
        <v>263</v>
      </c>
      <c r="CE13" s="657"/>
      <c r="CF13" s="657"/>
      <c r="CG13" s="657"/>
      <c r="CH13" s="657"/>
      <c r="CI13" s="657"/>
      <c r="CJ13" s="657"/>
      <c r="CK13" s="657"/>
      <c r="CL13" s="657"/>
      <c r="CM13" s="657"/>
      <c r="CN13" s="657"/>
      <c r="CO13" s="657"/>
      <c r="CP13" s="657"/>
      <c r="CQ13" s="658"/>
      <c r="CR13" s="659">
        <v>963137</v>
      </c>
      <c r="CS13" s="660"/>
      <c r="CT13" s="660"/>
      <c r="CU13" s="660"/>
      <c r="CV13" s="660"/>
      <c r="CW13" s="660"/>
      <c r="CX13" s="660"/>
      <c r="CY13" s="661"/>
      <c r="CZ13" s="662">
        <v>10.1</v>
      </c>
      <c r="DA13" s="662"/>
      <c r="DB13" s="662"/>
      <c r="DC13" s="662"/>
      <c r="DD13" s="668">
        <v>209706</v>
      </c>
      <c r="DE13" s="660"/>
      <c r="DF13" s="660"/>
      <c r="DG13" s="660"/>
      <c r="DH13" s="660"/>
      <c r="DI13" s="660"/>
      <c r="DJ13" s="660"/>
      <c r="DK13" s="660"/>
      <c r="DL13" s="660"/>
      <c r="DM13" s="660"/>
      <c r="DN13" s="660"/>
      <c r="DO13" s="660"/>
      <c r="DP13" s="661"/>
      <c r="DQ13" s="668">
        <v>775558</v>
      </c>
      <c r="DR13" s="660"/>
      <c r="DS13" s="660"/>
      <c r="DT13" s="660"/>
      <c r="DU13" s="660"/>
      <c r="DV13" s="660"/>
      <c r="DW13" s="660"/>
      <c r="DX13" s="660"/>
      <c r="DY13" s="660"/>
      <c r="DZ13" s="660"/>
      <c r="EA13" s="660"/>
      <c r="EB13" s="660"/>
      <c r="EC13" s="669"/>
    </row>
    <row r="14" spans="2:143" ht="11.25" customHeight="1" x14ac:dyDescent="0.2">
      <c r="B14" s="656" t="s">
        <v>264</v>
      </c>
      <c r="C14" s="657"/>
      <c r="D14" s="657"/>
      <c r="E14" s="657"/>
      <c r="F14" s="657"/>
      <c r="G14" s="657"/>
      <c r="H14" s="657"/>
      <c r="I14" s="657"/>
      <c r="J14" s="657"/>
      <c r="K14" s="657"/>
      <c r="L14" s="657"/>
      <c r="M14" s="657"/>
      <c r="N14" s="657"/>
      <c r="O14" s="657"/>
      <c r="P14" s="657"/>
      <c r="Q14" s="658"/>
      <c r="R14" s="659">
        <v>129</v>
      </c>
      <c r="S14" s="660"/>
      <c r="T14" s="660"/>
      <c r="U14" s="660"/>
      <c r="V14" s="660"/>
      <c r="W14" s="660"/>
      <c r="X14" s="660"/>
      <c r="Y14" s="661"/>
      <c r="Z14" s="662">
        <v>0</v>
      </c>
      <c r="AA14" s="662"/>
      <c r="AB14" s="662"/>
      <c r="AC14" s="662"/>
      <c r="AD14" s="663">
        <v>129</v>
      </c>
      <c r="AE14" s="663"/>
      <c r="AF14" s="663"/>
      <c r="AG14" s="663"/>
      <c r="AH14" s="663"/>
      <c r="AI14" s="663"/>
      <c r="AJ14" s="663"/>
      <c r="AK14" s="663"/>
      <c r="AL14" s="664">
        <v>0</v>
      </c>
      <c r="AM14" s="665"/>
      <c r="AN14" s="665"/>
      <c r="AO14" s="666"/>
      <c r="AP14" s="656" t="s">
        <v>265</v>
      </c>
      <c r="AQ14" s="657"/>
      <c r="AR14" s="657"/>
      <c r="AS14" s="657"/>
      <c r="AT14" s="657"/>
      <c r="AU14" s="657"/>
      <c r="AV14" s="657"/>
      <c r="AW14" s="657"/>
      <c r="AX14" s="657"/>
      <c r="AY14" s="657"/>
      <c r="AZ14" s="657"/>
      <c r="BA14" s="657"/>
      <c r="BB14" s="657"/>
      <c r="BC14" s="657"/>
      <c r="BD14" s="657"/>
      <c r="BE14" s="657"/>
      <c r="BF14" s="658"/>
      <c r="BG14" s="659">
        <v>57693</v>
      </c>
      <c r="BH14" s="660"/>
      <c r="BI14" s="660"/>
      <c r="BJ14" s="660"/>
      <c r="BK14" s="660"/>
      <c r="BL14" s="660"/>
      <c r="BM14" s="660"/>
      <c r="BN14" s="661"/>
      <c r="BO14" s="662">
        <v>1.7</v>
      </c>
      <c r="BP14" s="662"/>
      <c r="BQ14" s="662"/>
      <c r="BR14" s="662"/>
      <c r="BS14" s="663" t="s">
        <v>139</v>
      </c>
      <c r="BT14" s="663"/>
      <c r="BU14" s="663"/>
      <c r="BV14" s="663"/>
      <c r="BW14" s="663"/>
      <c r="BX14" s="663"/>
      <c r="BY14" s="663"/>
      <c r="BZ14" s="663"/>
      <c r="CA14" s="663"/>
      <c r="CB14" s="667"/>
      <c r="CD14" s="656" t="s">
        <v>266</v>
      </c>
      <c r="CE14" s="657"/>
      <c r="CF14" s="657"/>
      <c r="CG14" s="657"/>
      <c r="CH14" s="657"/>
      <c r="CI14" s="657"/>
      <c r="CJ14" s="657"/>
      <c r="CK14" s="657"/>
      <c r="CL14" s="657"/>
      <c r="CM14" s="657"/>
      <c r="CN14" s="657"/>
      <c r="CO14" s="657"/>
      <c r="CP14" s="657"/>
      <c r="CQ14" s="658"/>
      <c r="CR14" s="659">
        <v>588025</v>
      </c>
      <c r="CS14" s="660"/>
      <c r="CT14" s="660"/>
      <c r="CU14" s="660"/>
      <c r="CV14" s="660"/>
      <c r="CW14" s="660"/>
      <c r="CX14" s="660"/>
      <c r="CY14" s="661"/>
      <c r="CZ14" s="662">
        <v>6.1</v>
      </c>
      <c r="DA14" s="662"/>
      <c r="DB14" s="662"/>
      <c r="DC14" s="662"/>
      <c r="DD14" s="668">
        <v>115338</v>
      </c>
      <c r="DE14" s="660"/>
      <c r="DF14" s="660"/>
      <c r="DG14" s="660"/>
      <c r="DH14" s="660"/>
      <c r="DI14" s="660"/>
      <c r="DJ14" s="660"/>
      <c r="DK14" s="660"/>
      <c r="DL14" s="660"/>
      <c r="DM14" s="660"/>
      <c r="DN14" s="660"/>
      <c r="DO14" s="660"/>
      <c r="DP14" s="661"/>
      <c r="DQ14" s="668">
        <v>509867</v>
      </c>
      <c r="DR14" s="660"/>
      <c r="DS14" s="660"/>
      <c r="DT14" s="660"/>
      <c r="DU14" s="660"/>
      <c r="DV14" s="660"/>
      <c r="DW14" s="660"/>
      <c r="DX14" s="660"/>
      <c r="DY14" s="660"/>
      <c r="DZ14" s="660"/>
      <c r="EA14" s="660"/>
      <c r="EB14" s="660"/>
      <c r="EC14" s="669"/>
    </row>
    <row r="15" spans="2:143" ht="11.25" customHeight="1" x14ac:dyDescent="0.2">
      <c r="B15" s="656" t="s">
        <v>267</v>
      </c>
      <c r="C15" s="657"/>
      <c r="D15" s="657"/>
      <c r="E15" s="657"/>
      <c r="F15" s="657"/>
      <c r="G15" s="657"/>
      <c r="H15" s="657"/>
      <c r="I15" s="657"/>
      <c r="J15" s="657"/>
      <c r="K15" s="657"/>
      <c r="L15" s="657"/>
      <c r="M15" s="657"/>
      <c r="N15" s="657"/>
      <c r="O15" s="657"/>
      <c r="P15" s="657"/>
      <c r="Q15" s="658"/>
      <c r="R15" s="659" t="s">
        <v>139</v>
      </c>
      <c r="S15" s="660"/>
      <c r="T15" s="660"/>
      <c r="U15" s="660"/>
      <c r="V15" s="660"/>
      <c r="W15" s="660"/>
      <c r="X15" s="660"/>
      <c r="Y15" s="661"/>
      <c r="Z15" s="662" t="s">
        <v>139</v>
      </c>
      <c r="AA15" s="662"/>
      <c r="AB15" s="662"/>
      <c r="AC15" s="662"/>
      <c r="AD15" s="663" t="s">
        <v>139</v>
      </c>
      <c r="AE15" s="663"/>
      <c r="AF15" s="663"/>
      <c r="AG15" s="663"/>
      <c r="AH15" s="663"/>
      <c r="AI15" s="663"/>
      <c r="AJ15" s="663"/>
      <c r="AK15" s="663"/>
      <c r="AL15" s="664" t="s">
        <v>139</v>
      </c>
      <c r="AM15" s="665"/>
      <c r="AN15" s="665"/>
      <c r="AO15" s="666"/>
      <c r="AP15" s="656" t="s">
        <v>268</v>
      </c>
      <c r="AQ15" s="657"/>
      <c r="AR15" s="657"/>
      <c r="AS15" s="657"/>
      <c r="AT15" s="657"/>
      <c r="AU15" s="657"/>
      <c r="AV15" s="657"/>
      <c r="AW15" s="657"/>
      <c r="AX15" s="657"/>
      <c r="AY15" s="657"/>
      <c r="AZ15" s="657"/>
      <c r="BA15" s="657"/>
      <c r="BB15" s="657"/>
      <c r="BC15" s="657"/>
      <c r="BD15" s="657"/>
      <c r="BE15" s="657"/>
      <c r="BF15" s="658"/>
      <c r="BG15" s="659">
        <v>133395</v>
      </c>
      <c r="BH15" s="660"/>
      <c r="BI15" s="660"/>
      <c r="BJ15" s="660"/>
      <c r="BK15" s="660"/>
      <c r="BL15" s="660"/>
      <c r="BM15" s="660"/>
      <c r="BN15" s="661"/>
      <c r="BO15" s="662">
        <v>3.9</v>
      </c>
      <c r="BP15" s="662"/>
      <c r="BQ15" s="662"/>
      <c r="BR15" s="662"/>
      <c r="BS15" s="663" t="s">
        <v>139</v>
      </c>
      <c r="BT15" s="663"/>
      <c r="BU15" s="663"/>
      <c r="BV15" s="663"/>
      <c r="BW15" s="663"/>
      <c r="BX15" s="663"/>
      <c r="BY15" s="663"/>
      <c r="BZ15" s="663"/>
      <c r="CA15" s="663"/>
      <c r="CB15" s="667"/>
      <c r="CD15" s="656" t="s">
        <v>269</v>
      </c>
      <c r="CE15" s="657"/>
      <c r="CF15" s="657"/>
      <c r="CG15" s="657"/>
      <c r="CH15" s="657"/>
      <c r="CI15" s="657"/>
      <c r="CJ15" s="657"/>
      <c r="CK15" s="657"/>
      <c r="CL15" s="657"/>
      <c r="CM15" s="657"/>
      <c r="CN15" s="657"/>
      <c r="CO15" s="657"/>
      <c r="CP15" s="657"/>
      <c r="CQ15" s="658"/>
      <c r="CR15" s="659">
        <v>1109279</v>
      </c>
      <c r="CS15" s="660"/>
      <c r="CT15" s="660"/>
      <c r="CU15" s="660"/>
      <c r="CV15" s="660"/>
      <c r="CW15" s="660"/>
      <c r="CX15" s="660"/>
      <c r="CY15" s="661"/>
      <c r="CZ15" s="662">
        <v>11.6</v>
      </c>
      <c r="DA15" s="662"/>
      <c r="DB15" s="662"/>
      <c r="DC15" s="662"/>
      <c r="DD15" s="668">
        <v>111486</v>
      </c>
      <c r="DE15" s="660"/>
      <c r="DF15" s="660"/>
      <c r="DG15" s="660"/>
      <c r="DH15" s="660"/>
      <c r="DI15" s="660"/>
      <c r="DJ15" s="660"/>
      <c r="DK15" s="660"/>
      <c r="DL15" s="660"/>
      <c r="DM15" s="660"/>
      <c r="DN15" s="660"/>
      <c r="DO15" s="660"/>
      <c r="DP15" s="661"/>
      <c r="DQ15" s="668">
        <v>902212</v>
      </c>
      <c r="DR15" s="660"/>
      <c r="DS15" s="660"/>
      <c r="DT15" s="660"/>
      <c r="DU15" s="660"/>
      <c r="DV15" s="660"/>
      <c r="DW15" s="660"/>
      <c r="DX15" s="660"/>
      <c r="DY15" s="660"/>
      <c r="DZ15" s="660"/>
      <c r="EA15" s="660"/>
      <c r="EB15" s="660"/>
      <c r="EC15" s="669"/>
    </row>
    <row r="16" spans="2:143" ht="11.25" customHeight="1" x14ac:dyDescent="0.2">
      <c r="B16" s="656" t="s">
        <v>270</v>
      </c>
      <c r="C16" s="657"/>
      <c r="D16" s="657"/>
      <c r="E16" s="657"/>
      <c r="F16" s="657"/>
      <c r="G16" s="657"/>
      <c r="H16" s="657"/>
      <c r="I16" s="657"/>
      <c r="J16" s="657"/>
      <c r="K16" s="657"/>
      <c r="L16" s="657"/>
      <c r="M16" s="657"/>
      <c r="N16" s="657"/>
      <c r="O16" s="657"/>
      <c r="P16" s="657"/>
      <c r="Q16" s="658"/>
      <c r="R16" s="659">
        <v>13515</v>
      </c>
      <c r="S16" s="660"/>
      <c r="T16" s="660"/>
      <c r="U16" s="660"/>
      <c r="V16" s="660"/>
      <c r="W16" s="660"/>
      <c r="X16" s="660"/>
      <c r="Y16" s="661"/>
      <c r="Z16" s="662">
        <v>0.1</v>
      </c>
      <c r="AA16" s="662"/>
      <c r="AB16" s="662"/>
      <c r="AC16" s="662"/>
      <c r="AD16" s="663">
        <v>13515</v>
      </c>
      <c r="AE16" s="663"/>
      <c r="AF16" s="663"/>
      <c r="AG16" s="663"/>
      <c r="AH16" s="663"/>
      <c r="AI16" s="663"/>
      <c r="AJ16" s="663"/>
      <c r="AK16" s="663"/>
      <c r="AL16" s="664">
        <v>0.2</v>
      </c>
      <c r="AM16" s="665"/>
      <c r="AN16" s="665"/>
      <c r="AO16" s="666"/>
      <c r="AP16" s="656" t="s">
        <v>271</v>
      </c>
      <c r="AQ16" s="657"/>
      <c r="AR16" s="657"/>
      <c r="AS16" s="657"/>
      <c r="AT16" s="657"/>
      <c r="AU16" s="657"/>
      <c r="AV16" s="657"/>
      <c r="AW16" s="657"/>
      <c r="AX16" s="657"/>
      <c r="AY16" s="657"/>
      <c r="AZ16" s="657"/>
      <c r="BA16" s="657"/>
      <c r="BB16" s="657"/>
      <c r="BC16" s="657"/>
      <c r="BD16" s="657"/>
      <c r="BE16" s="657"/>
      <c r="BF16" s="658"/>
      <c r="BG16" s="659" t="s">
        <v>139</v>
      </c>
      <c r="BH16" s="660"/>
      <c r="BI16" s="660"/>
      <c r="BJ16" s="660"/>
      <c r="BK16" s="660"/>
      <c r="BL16" s="660"/>
      <c r="BM16" s="660"/>
      <c r="BN16" s="661"/>
      <c r="BO16" s="662" t="s">
        <v>139</v>
      </c>
      <c r="BP16" s="662"/>
      <c r="BQ16" s="662"/>
      <c r="BR16" s="662"/>
      <c r="BS16" s="663" t="s">
        <v>139</v>
      </c>
      <c r="BT16" s="663"/>
      <c r="BU16" s="663"/>
      <c r="BV16" s="663"/>
      <c r="BW16" s="663"/>
      <c r="BX16" s="663"/>
      <c r="BY16" s="663"/>
      <c r="BZ16" s="663"/>
      <c r="CA16" s="663"/>
      <c r="CB16" s="667"/>
      <c r="CD16" s="656" t="s">
        <v>272</v>
      </c>
      <c r="CE16" s="657"/>
      <c r="CF16" s="657"/>
      <c r="CG16" s="657"/>
      <c r="CH16" s="657"/>
      <c r="CI16" s="657"/>
      <c r="CJ16" s="657"/>
      <c r="CK16" s="657"/>
      <c r="CL16" s="657"/>
      <c r="CM16" s="657"/>
      <c r="CN16" s="657"/>
      <c r="CO16" s="657"/>
      <c r="CP16" s="657"/>
      <c r="CQ16" s="658"/>
      <c r="CR16" s="659" t="s">
        <v>139</v>
      </c>
      <c r="CS16" s="660"/>
      <c r="CT16" s="660"/>
      <c r="CU16" s="660"/>
      <c r="CV16" s="660"/>
      <c r="CW16" s="660"/>
      <c r="CX16" s="660"/>
      <c r="CY16" s="661"/>
      <c r="CZ16" s="662" t="s">
        <v>139</v>
      </c>
      <c r="DA16" s="662"/>
      <c r="DB16" s="662"/>
      <c r="DC16" s="662"/>
      <c r="DD16" s="668" t="s">
        <v>139</v>
      </c>
      <c r="DE16" s="660"/>
      <c r="DF16" s="660"/>
      <c r="DG16" s="660"/>
      <c r="DH16" s="660"/>
      <c r="DI16" s="660"/>
      <c r="DJ16" s="660"/>
      <c r="DK16" s="660"/>
      <c r="DL16" s="660"/>
      <c r="DM16" s="660"/>
      <c r="DN16" s="660"/>
      <c r="DO16" s="660"/>
      <c r="DP16" s="661"/>
      <c r="DQ16" s="668" t="s">
        <v>139</v>
      </c>
      <c r="DR16" s="660"/>
      <c r="DS16" s="660"/>
      <c r="DT16" s="660"/>
      <c r="DU16" s="660"/>
      <c r="DV16" s="660"/>
      <c r="DW16" s="660"/>
      <c r="DX16" s="660"/>
      <c r="DY16" s="660"/>
      <c r="DZ16" s="660"/>
      <c r="EA16" s="660"/>
      <c r="EB16" s="660"/>
      <c r="EC16" s="669"/>
    </row>
    <row r="17" spans="2:133" ht="11.25" customHeight="1" x14ac:dyDescent="0.2">
      <c r="B17" s="656" t="s">
        <v>273</v>
      </c>
      <c r="C17" s="657"/>
      <c r="D17" s="657"/>
      <c r="E17" s="657"/>
      <c r="F17" s="657"/>
      <c r="G17" s="657"/>
      <c r="H17" s="657"/>
      <c r="I17" s="657"/>
      <c r="J17" s="657"/>
      <c r="K17" s="657"/>
      <c r="L17" s="657"/>
      <c r="M17" s="657"/>
      <c r="N17" s="657"/>
      <c r="O17" s="657"/>
      <c r="P17" s="657"/>
      <c r="Q17" s="658"/>
      <c r="R17" s="659">
        <v>27353</v>
      </c>
      <c r="S17" s="660"/>
      <c r="T17" s="660"/>
      <c r="U17" s="660"/>
      <c r="V17" s="660"/>
      <c r="W17" s="660"/>
      <c r="X17" s="660"/>
      <c r="Y17" s="661"/>
      <c r="Z17" s="662">
        <v>0.3</v>
      </c>
      <c r="AA17" s="662"/>
      <c r="AB17" s="662"/>
      <c r="AC17" s="662"/>
      <c r="AD17" s="663">
        <v>27353</v>
      </c>
      <c r="AE17" s="663"/>
      <c r="AF17" s="663"/>
      <c r="AG17" s="663"/>
      <c r="AH17" s="663"/>
      <c r="AI17" s="663"/>
      <c r="AJ17" s="663"/>
      <c r="AK17" s="663"/>
      <c r="AL17" s="664">
        <v>0.5</v>
      </c>
      <c r="AM17" s="665"/>
      <c r="AN17" s="665"/>
      <c r="AO17" s="666"/>
      <c r="AP17" s="656" t="s">
        <v>274</v>
      </c>
      <c r="AQ17" s="657"/>
      <c r="AR17" s="657"/>
      <c r="AS17" s="657"/>
      <c r="AT17" s="657"/>
      <c r="AU17" s="657"/>
      <c r="AV17" s="657"/>
      <c r="AW17" s="657"/>
      <c r="AX17" s="657"/>
      <c r="AY17" s="657"/>
      <c r="AZ17" s="657"/>
      <c r="BA17" s="657"/>
      <c r="BB17" s="657"/>
      <c r="BC17" s="657"/>
      <c r="BD17" s="657"/>
      <c r="BE17" s="657"/>
      <c r="BF17" s="658"/>
      <c r="BG17" s="659" t="s">
        <v>139</v>
      </c>
      <c r="BH17" s="660"/>
      <c r="BI17" s="660"/>
      <c r="BJ17" s="660"/>
      <c r="BK17" s="660"/>
      <c r="BL17" s="660"/>
      <c r="BM17" s="660"/>
      <c r="BN17" s="661"/>
      <c r="BO17" s="662" t="s">
        <v>139</v>
      </c>
      <c r="BP17" s="662"/>
      <c r="BQ17" s="662"/>
      <c r="BR17" s="662"/>
      <c r="BS17" s="663" t="s">
        <v>139</v>
      </c>
      <c r="BT17" s="663"/>
      <c r="BU17" s="663"/>
      <c r="BV17" s="663"/>
      <c r="BW17" s="663"/>
      <c r="BX17" s="663"/>
      <c r="BY17" s="663"/>
      <c r="BZ17" s="663"/>
      <c r="CA17" s="663"/>
      <c r="CB17" s="667"/>
      <c r="CD17" s="656" t="s">
        <v>275</v>
      </c>
      <c r="CE17" s="657"/>
      <c r="CF17" s="657"/>
      <c r="CG17" s="657"/>
      <c r="CH17" s="657"/>
      <c r="CI17" s="657"/>
      <c r="CJ17" s="657"/>
      <c r="CK17" s="657"/>
      <c r="CL17" s="657"/>
      <c r="CM17" s="657"/>
      <c r="CN17" s="657"/>
      <c r="CO17" s="657"/>
      <c r="CP17" s="657"/>
      <c r="CQ17" s="658"/>
      <c r="CR17" s="659">
        <v>701975</v>
      </c>
      <c r="CS17" s="660"/>
      <c r="CT17" s="660"/>
      <c r="CU17" s="660"/>
      <c r="CV17" s="660"/>
      <c r="CW17" s="660"/>
      <c r="CX17" s="660"/>
      <c r="CY17" s="661"/>
      <c r="CZ17" s="662">
        <v>7.3</v>
      </c>
      <c r="DA17" s="662"/>
      <c r="DB17" s="662"/>
      <c r="DC17" s="662"/>
      <c r="DD17" s="668" t="s">
        <v>139</v>
      </c>
      <c r="DE17" s="660"/>
      <c r="DF17" s="660"/>
      <c r="DG17" s="660"/>
      <c r="DH17" s="660"/>
      <c r="DI17" s="660"/>
      <c r="DJ17" s="660"/>
      <c r="DK17" s="660"/>
      <c r="DL17" s="660"/>
      <c r="DM17" s="660"/>
      <c r="DN17" s="660"/>
      <c r="DO17" s="660"/>
      <c r="DP17" s="661"/>
      <c r="DQ17" s="668">
        <v>701975</v>
      </c>
      <c r="DR17" s="660"/>
      <c r="DS17" s="660"/>
      <c r="DT17" s="660"/>
      <c r="DU17" s="660"/>
      <c r="DV17" s="660"/>
      <c r="DW17" s="660"/>
      <c r="DX17" s="660"/>
      <c r="DY17" s="660"/>
      <c r="DZ17" s="660"/>
      <c r="EA17" s="660"/>
      <c r="EB17" s="660"/>
      <c r="EC17" s="669"/>
    </row>
    <row r="18" spans="2:133" ht="11.25" customHeight="1" x14ac:dyDescent="0.2">
      <c r="B18" s="656" t="s">
        <v>276</v>
      </c>
      <c r="C18" s="657"/>
      <c r="D18" s="657"/>
      <c r="E18" s="657"/>
      <c r="F18" s="657"/>
      <c r="G18" s="657"/>
      <c r="H18" s="657"/>
      <c r="I18" s="657"/>
      <c r="J18" s="657"/>
      <c r="K18" s="657"/>
      <c r="L18" s="657"/>
      <c r="M18" s="657"/>
      <c r="N18" s="657"/>
      <c r="O18" s="657"/>
      <c r="P18" s="657"/>
      <c r="Q18" s="658"/>
      <c r="R18" s="659">
        <v>26759</v>
      </c>
      <c r="S18" s="660"/>
      <c r="T18" s="660"/>
      <c r="U18" s="660"/>
      <c r="V18" s="660"/>
      <c r="W18" s="660"/>
      <c r="X18" s="660"/>
      <c r="Y18" s="661"/>
      <c r="Z18" s="662">
        <v>0.3</v>
      </c>
      <c r="AA18" s="662"/>
      <c r="AB18" s="662"/>
      <c r="AC18" s="662"/>
      <c r="AD18" s="663">
        <v>26759</v>
      </c>
      <c r="AE18" s="663"/>
      <c r="AF18" s="663"/>
      <c r="AG18" s="663"/>
      <c r="AH18" s="663"/>
      <c r="AI18" s="663"/>
      <c r="AJ18" s="663"/>
      <c r="AK18" s="663"/>
      <c r="AL18" s="664">
        <v>0.4</v>
      </c>
      <c r="AM18" s="665"/>
      <c r="AN18" s="665"/>
      <c r="AO18" s="666"/>
      <c r="AP18" s="656" t="s">
        <v>277</v>
      </c>
      <c r="AQ18" s="657"/>
      <c r="AR18" s="657"/>
      <c r="AS18" s="657"/>
      <c r="AT18" s="657"/>
      <c r="AU18" s="657"/>
      <c r="AV18" s="657"/>
      <c r="AW18" s="657"/>
      <c r="AX18" s="657"/>
      <c r="AY18" s="657"/>
      <c r="AZ18" s="657"/>
      <c r="BA18" s="657"/>
      <c r="BB18" s="657"/>
      <c r="BC18" s="657"/>
      <c r="BD18" s="657"/>
      <c r="BE18" s="657"/>
      <c r="BF18" s="658"/>
      <c r="BG18" s="659" t="s">
        <v>139</v>
      </c>
      <c r="BH18" s="660"/>
      <c r="BI18" s="660"/>
      <c r="BJ18" s="660"/>
      <c r="BK18" s="660"/>
      <c r="BL18" s="660"/>
      <c r="BM18" s="660"/>
      <c r="BN18" s="661"/>
      <c r="BO18" s="662" t="s">
        <v>139</v>
      </c>
      <c r="BP18" s="662"/>
      <c r="BQ18" s="662"/>
      <c r="BR18" s="662"/>
      <c r="BS18" s="663" t="s">
        <v>139</v>
      </c>
      <c r="BT18" s="663"/>
      <c r="BU18" s="663"/>
      <c r="BV18" s="663"/>
      <c r="BW18" s="663"/>
      <c r="BX18" s="663"/>
      <c r="BY18" s="663"/>
      <c r="BZ18" s="663"/>
      <c r="CA18" s="663"/>
      <c r="CB18" s="667"/>
      <c r="CD18" s="656" t="s">
        <v>278</v>
      </c>
      <c r="CE18" s="657"/>
      <c r="CF18" s="657"/>
      <c r="CG18" s="657"/>
      <c r="CH18" s="657"/>
      <c r="CI18" s="657"/>
      <c r="CJ18" s="657"/>
      <c r="CK18" s="657"/>
      <c r="CL18" s="657"/>
      <c r="CM18" s="657"/>
      <c r="CN18" s="657"/>
      <c r="CO18" s="657"/>
      <c r="CP18" s="657"/>
      <c r="CQ18" s="658"/>
      <c r="CR18" s="659" t="s">
        <v>139</v>
      </c>
      <c r="CS18" s="660"/>
      <c r="CT18" s="660"/>
      <c r="CU18" s="660"/>
      <c r="CV18" s="660"/>
      <c r="CW18" s="660"/>
      <c r="CX18" s="660"/>
      <c r="CY18" s="661"/>
      <c r="CZ18" s="662" t="s">
        <v>139</v>
      </c>
      <c r="DA18" s="662"/>
      <c r="DB18" s="662"/>
      <c r="DC18" s="662"/>
      <c r="DD18" s="668" t="s">
        <v>139</v>
      </c>
      <c r="DE18" s="660"/>
      <c r="DF18" s="660"/>
      <c r="DG18" s="660"/>
      <c r="DH18" s="660"/>
      <c r="DI18" s="660"/>
      <c r="DJ18" s="660"/>
      <c r="DK18" s="660"/>
      <c r="DL18" s="660"/>
      <c r="DM18" s="660"/>
      <c r="DN18" s="660"/>
      <c r="DO18" s="660"/>
      <c r="DP18" s="661"/>
      <c r="DQ18" s="668" t="s">
        <v>139</v>
      </c>
      <c r="DR18" s="660"/>
      <c r="DS18" s="660"/>
      <c r="DT18" s="660"/>
      <c r="DU18" s="660"/>
      <c r="DV18" s="660"/>
      <c r="DW18" s="660"/>
      <c r="DX18" s="660"/>
      <c r="DY18" s="660"/>
      <c r="DZ18" s="660"/>
      <c r="EA18" s="660"/>
      <c r="EB18" s="660"/>
      <c r="EC18" s="669"/>
    </row>
    <row r="19" spans="2:133" ht="11.25" customHeight="1" x14ac:dyDescent="0.2">
      <c r="B19" s="656" t="s">
        <v>279</v>
      </c>
      <c r="C19" s="657"/>
      <c r="D19" s="657"/>
      <c r="E19" s="657"/>
      <c r="F19" s="657"/>
      <c r="G19" s="657"/>
      <c r="H19" s="657"/>
      <c r="I19" s="657"/>
      <c r="J19" s="657"/>
      <c r="K19" s="657"/>
      <c r="L19" s="657"/>
      <c r="M19" s="657"/>
      <c r="N19" s="657"/>
      <c r="O19" s="657"/>
      <c r="P19" s="657"/>
      <c r="Q19" s="658"/>
      <c r="R19" s="659">
        <v>26439</v>
      </c>
      <c r="S19" s="660"/>
      <c r="T19" s="660"/>
      <c r="U19" s="660"/>
      <c r="V19" s="660"/>
      <c r="W19" s="660"/>
      <c r="X19" s="660"/>
      <c r="Y19" s="661"/>
      <c r="Z19" s="662">
        <v>0.3</v>
      </c>
      <c r="AA19" s="662"/>
      <c r="AB19" s="662"/>
      <c r="AC19" s="662"/>
      <c r="AD19" s="663">
        <v>26439</v>
      </c>
      <c r="AE19" s="663"/>
      <c r="AF19" s="663"/>
      <c r="AG19" s="663"/>
      <c r="AH19" s="663"/>
      <c r="AI19" s="663"/>
      <c r="AJ19" s="663"/>
      <c r="AK19" s="663"/>
      <c r="AL19" s="664">
        <v>0.4</v>
      </c>
      <c r="AM19" s="665"/>
      <c r="AN19" s="665"/>
      <c r="AO19" s="666"/>
      <c r="AP19" s="656" t="s">
        <v>280</v>
      </c>
      <c r="AQ19" s="657"/>
      <c r="AR19" s="657"/>
      <c r="AS19" s="657"/>
      <c r="AT19" s="657"/>
      <c r="AU19" s="657"/>
      <c r="AV19" s="657"/>
      <c r="AW19" s="657"/>
      <c r="AX19" s="657"/>
      <c r="AY19" s="657"/>
      <c r="AZ19" s="657"/>
      <c r="BA19" s="657"/>
      <c r="BB19" s="657"/>
      <c r="BC19" s="657"/>
      <c r="BD19" s="657"/>
      <c r="BE19" s="657"/>
      <c r="BF19" s="658"/>
      <c r="BG19" s="659" t="s">
        <v>139</v>
      </c>
      <c r="BH19" s="660"/>
      <c r="BI19" s="660"/>
      <c r="BJ19" s="660"/>
      <c r="BK19" s="660"/>
      <c r="BL19" s="660"/>
      <c r="BM19" s="660"/>
      <c r="BN19" s="661"/>
      <c r="BO19" s="662" t="s">
        <v>139</v>
      </c>
      <c r="BP19" s="662"/>
      <c r="BQ19" s="662"/>
      <c r="BR19" s="662"/>
      <c r="BS19" s="663" t="s">
        <v>139</v>
      </c>
      <c r="BT19" s="663"/>
      <c r="BU19" s="663"/>
      <c r="BV19" s="663"/>
      <c r="BW19" s="663"/>
      <c r="BX19" s="663"/>
      <c r="BY19" s="663"/>
      <c r="BZ19" s="663"/>
      <c r="CA19" s="663"/>
      <c r="CB19" s="667"/>
      <c r="CD19" s="656" t="s">
        <v>281</v>
      </c>
      <c r="CE19" s="657"/>
      <c r="CF19" s="657"/>
      <c r="CG19" s="657"/>
      <c r="CH19" s="657"/>
      <c r="CI19" s="657"/>
      <c r="CJ19" s="657"/>
      <c r="CK19" s="657"/>
      <c r="CL19" s="657"/>
      <c r="CM19" s="657"/>
      <c r="CN19" s="657"/>
      <c r="CO19" s="657"/>
      <c r="CP19" s="657"/>
      <c r="CQ19" s="658"/>
      <c r="CR19" s="659" t="s">
        <v>139</v>
      </c>
      <c r="CS19" s="660"/>
      <c r="CT19" s="660"/>
      <c r="CU19" s="660"/>
      <c r="CV19" s="660"/>
      <c r="CW19" s="660"/>
      <c r="CX19" s="660"/>
      <c r="CY19" s="661"/>
      <c r="CZ19" s="662" t="s">
        <v>139</v>
      </c>
      <c r="DA19" s="662"/>
      <c r="DB19" s="662"/>
      <c r="DC19" s="662"/>
      <c r="DD19" s="668" t="s">
        <v>139</v>
      </c>
      <c r="DE19" s="660"/>
      <c r="DF19" s="660"/>
      <c r="DG19" s="660"/>
      <c r="DH19" s="660"/>
      <c r="DI19" s="660"/>
      <c r="DJ19" s="660"/>
      <c r="DK19" s="660"/>
      <c r="DL19" s="660"/>
      <c r="DM19" s="660"/>
      <c r="DN19" s="660"/>
      <c r="DO19" s="660"/>
      <c r="DP19" s="661"/>
      <c r="DQ19" s="668" t="s">
        <v>139</v>
      </c>
      <c r="DR19" s="660"/>
      <c r="DS19" s="660"/>
      <c r="DT19" s="660"/>
      <c r="DU19" s="660"/>
      <c r="DV19" s="660"/>
      <c r="DW19" s="660"/>
      <c r="DX19" s="660"/>
      <c r="DY19" s="660"/>
      <c r="DZ19" s="660"/>
      <c r="EA19" s="660"/>
      <c r="EB19" s="660"/>
      <c r="EC19" s="669"/>
    </row>
    <row r="20" spans="2:133" ht="11.25" customHeight="1" x14ac:dyDescent="0.2">
      <c r="B20" s="672" t="s">
        <v>282</v>
      </c>
      <c r="C20" s="673"/>
      <c r="D20" s="673"/>
      <c r="E20" s="673"/>
      <c r="F20" s="673"/>
      <c r="G20" s="673"/>
      <c r="H20" s="673"/>
      <c r="I20" s="673"/>
      <c r="J20" s="673"/>
      <c r="K20" s="673"/>
      <c r="L20" s="673"/>
      <c r="M20" s="673"/>
      <c r="N20" s="673"/>
      <c r="O20" s="673"/>
      <c r="P20" s="673"/>
      <c r="Q20" s="674"/>
      <c r="R20" s="659">
        <v>320</v>
      </c>
      <c r="S20" s="660"/>
      <c r="T20" s="660"/>
      <c r="U20" s="660"/>
      <c r="V20" s="660"/>
      <c r="W20" s="660"/>
      <c r="X20" s="660"/>
      <c r="Y20" s="661"/>
      <c r="Z20" s="662">
        <v>0</v>
      </c>
      <c r="AA20" s="662"/>
      <c r="AB20" s="662"/>
      <c r="AC20" s="662"/>
      <c r="AD20" s="663">
        <v>320</v>
      </c>
      <c r="AE20" s="663"/>
      <c r="AF20" s="663"/>
      <c r="AG20" s="663"/>
      <c r="AH20" s="663"/>
      <c r="AI20" s="663"/>
      <c r="AJ20" s="663"/>
      <c r="AK20" s="663"/>
      <c r="AL20" s="664">
        <v>0</v>
      </c>
      <c r="AM20" s="665"/>
      <c r="AN20" s="665"/>
      <c r="AO20" s="666"/>
      <c r="AP20" s="656" t="s">
        <v>283</v>
      </c>
      <c r="AQ20" s="657"/>
      <c r="AR20" s="657"/>
      <c r="AS20" s="657"/>
      <c r="AT20" s="657"/>
      <c r="AU20" s="657"/>
      <c r="AV20" s="657"/>
      <c r="AW20" s="657"/>
      <c r="AX20" s="657"/>
      <c r="AY20" s="657"/>
      <c r="AZ20" s="657"/>
      <c r="BA20" s="657"/>
      <c r="BB20" s="657"/>
      <c r="BC20" s="657"/>
      <c r="BD20" s="657"/>
      <c r="BE20" s="657"/>
      <c r="BF20" s="658"/>
      <c r="BG20" s="659" t="s">
        <v>139</v>
      </c>
      <c r="BH20" s="660"/>
      <c r="BI20" s="660"/>
      <c r="BJ20" s="660"/>
      <c r="BK20" s="660"/>
      <c r="BL20" s="660"/>
      <c r="BM20" s="660"/>
      <c r="BN20" s="661"/>
      <c r="BO20" s="662" t="s">
        <v>139</v>
      </c>
      <c r="BP20" s="662"/>
      <c r="BQ20" s="662"/>
      <c r="BR20" s="662"/>
      <c r="BS20" s="663" t="s">
        <v>139</v>
      </c>
      <c r="BT20" s="663"/>
      <c r="BU20" s="663"/>
      <c r="BV20" s="663"/>
      <c r="BW20" s="663"/>
      <c r="BX20" s="663"/>
      <c r="BY20" s="663"/>
      <c r="BZ20" s="663"/>
      <c r="CA20" s="663"/>
      <c r="CB20" s="667"/>
      <c r="CD20" s="656" t="s">
        <v>284</v>
      </c>
      <c r="CE20" s="657"/>
      <c r="CF20" s="657"/>
      <c r="CG20" s="657"/>
      <c r="CH20" s="657"/>
      <c r="CI20" s="657"/>
      <c r="CJ20" s="657"/>
      <c r="CK20" s="657"/>
      <c r="CL20" s="657"/>
      <c r="CM20" s="657"/>
      <c r="CN20" s="657"/>
      <c r="CO20" s="657"/>
      <c r="CP20" s="657"/>
      <c r="CQ20" s="658"/>
      <c r="CR20" s="659">
        <v>9579851</v>
      </c>
      <c r="CS20" s="660"/>
      <c r="CT20" s="660"/>
      <c r="CU20" s="660"/>
      <c r="CV20" s="660"/>
      <c r="CW20" s="660"/>
      <c r="CX20" s="660"/>
      <c r="CY20" s="661"/>
      <c r="CZ20" s="662">
        <v>100</v>
      </c>
      <c r="DA20" s="662"/>
      <c r="DB20" s="662"/>
      <c r="DC20" s="662"/>
      <c r="DD20" s="668">
        <v>511566</v>
      </c>
      <c r="DE20" s="660"/>
      <c r="DF20" s="660"/>
      <c r="DG20" s="660"/>
      <c r="DH20" s="660"/>
      <c r="DI20" s="660"/>
      <c r="DJ20" s="660"/>
      <c r="DK20" s="660"/>
      <c r="DL20" s="660"/>
      <c r="DM20" s="660"/>
      <c r="DN20" s="660"/>
      <c r="DO20" s="660"/>
      <c r="DP20" s="661"/>
      <c r="DQ20" s="668">
        <v>6951651</v>
      </c>
      <c r="DR20" s="660"/>
      <c r="DS20" s="660"/>
      <c r="DT20" s="660"/>
      <c r="DU20" s="660"/>
      <c r="DV20" s="660"/>
      <c r="DW20" s="660"/>
      <c r="DX20" s="660"/>
      <c r="DY20" s="660"/>
      <c r="DZ20" s="660"/>
      <c r="EA20" s="660"/>
      <c r="EB20" s="660"/>
      <c r="EC20" s="669"/>
    </row>
    <row r="21" spans="2:133" ht="11.25" customHeight="1" x14ac:dyDescent="0.2">
      <c r="B21" s="656" t="s">
        <v>285</v>
      </c>
      <c r="C21" s="657"/>
      <c r="D21" s="657"/>
      <c r="E21" s="657"/>
      <c r="F21" s="657"/>
      <c r="G21" s="657"/>
      <c r="H21" s="657"/>
      <c r="I21" s="657"/>
      <c r="J21" s="657"/>
      <c r="K21" s="657"/>
      <c r="L21" s="657"/>
      <c r="M21" s="657"/>
      <c r="N21" s="657"/>
      <c r="O21" s="657"/>
      <c r="P21" s="657"/>
      <c r="Q21" s="658"/>
      <c r="R21" s="659">
        <v>1960930</v>
      </c>
      <c r="S21" s="660"/>
      <c r="T21" s="660"/>
      <c r="U21" s="660"/>
      <c r="V21" s="660"/>
      <c r="W21" s="660"/>
      <c r="X21" s="660"/>
      <c r="Y21" s="661"/>
      <c r="Z21" s="662">
        <v>19.399999999999999</v>
      </c>
      <c r="AA21" s="662"/>
      <c r="AB21" s="662"/>
      <c r="AC21" s="662"/>
      <c r="AD21" s="663">
        <v>1858359</v>
      </c>
      <c r="AE21" s="663"/>
      <c r="AF21" s="663"/>
      <c r="AG21" s="663"/>
      <c r="AH21" s="663"/>
      <c r="AI21" s="663"/>
      <c r="AJ21" s="663"/>
      <c r="AK21" s="663"/>
      <c r="AL21" s="664">
        <v>30.6</v>
      </c>
      <c r="AM21" s="665"/>
      <c r="AN21" s="665"/>
      <c r="AO21" s="666"/>
      <c r="AP21" s="656" t="s">
        <v>286</v>
      </c>
      <c r="AQ21" s="675"/>
      <c r="AR21" s="675"/>
      <c r="AS21" s="675"/>
      <c r="AT21" s="675"/>
      <c r="AU21" s="675"/>
      <c r="AV21" s="675"/>
      <c r="AW21" s="675"/>
      <c r="AX21" s="675"/>
      <c r="AY21" s="675"/>
      <c r="AZ21" s="675"/>
      <c r="BA21" s="675"/>
      <c r="BB21" s="675"/>
      <c r="BC21" s="675"/>
      <c r="BD21" s="675"/>
      <c r="BE21" s="675"/>
      <c r="BF21" s="676"/>
      <c r="BG21" s="659" t="s">
        <v>139</v>
      </c>
      <c r="BH21" s="660"/>
      <c r="BI21" s="660"/>
      <c r="BJ21" s="660"/>
      <c r="BK21" s="660"/>
      <c r="BL21" s="660"/>
      <c r="BM21" s="660"/>
      <c r="BN21" s="661"/>
      <c r="BO21" s="662" t="s">
        <v>139</v>
      </c>
      <c r="BP21" s="662"/>
      <c r="BQ21" s="662"/>
      <c r="BR21" s="662"/>
      <c r="BS21" s="663" t="s">
        <v>139</v>
      </c>
      <c r="BT21" s="663"/>
      <c r="BU21" s="663"/>
      <c r="BV21" s="663"/>
      <c r="BW21" s="663"/>
      <c r="BX21" s="663"/>
      <c r="BY21" s="663"/>
      <c r="BZ21" s="663"/>
      <c r="CA21" s="663"/>
      <c r="CB21" s="667"/>
      <c r="CD21" s="682"/>
      <c r="CE21" s="683"/>
      <c r="CF21" s="683"/>
      <c r="CG21" s="683"/>
      <c r="CH21" s="683"/>
      <c r="CI21" s="683"/>
      <c r="CJ21" s="683"/>
      <c r="CK21" s="683"/>
      <c r="CL21" s="683"/>
      <c r="CM21" s="683"/>
      <c r="CN21" s="683"/>
      <c r="CO21" s="683"/>
      <c r="CP21" s="683"/>
      <c r="CQ21" s="684"/>
      <c r="CR21" s="685"/>
      <c r="CS21" s="678"/>
      <c r="CT21" s="678"/>
      <c r="CU21" s="678"/>
      <c r="CV21" s="678"/>
      <c r="CW21" s="678"/>
      <c r="CX21" s="678"/>
      <c r="CY21" s="686"/>
      <c r="CZ21" s="687"/>
      <c r="DA21" s="687"/>
      <c r="DB21" s="687"/>
      <c r="DC21" s="687"/>
      <c r="DD21" s="677"/>
      <c r="DE21" s="678"/>
      <c r="DF21" s="678"/>
      <c r="DG21" s="678"/>
      <c r="DH21" s="678"/>
      <c r="DI21" s="678"/>
      <c r="DJ21" s="678"/>
      <c r="DK21" s="678"/>
      <c r="DL21" s="678"/>
      <c r="DM21" s="678"/>
      <c r="DN21" s="678"/>
      <c r="DO21" s="678"/>
      <c r="DP21" s="686"/>
      <c r="DQ21" s="677"/>
      <c r="DR21" s="678"/>
      <c r="DS21" s="678"/>
      <c r="DT21" s="678"/>
      <c r="DU21" s="678"/>
      <c r="DV21" s="678"/>
      <c r="DW21" s="678"/>
      <c r="DX21" s="678"/>
      <c r="DY21" s="678"/>
      <c r="DZ21" s="678"/>
      <c r="EA21" s="678"/>
      <c r="EB21" s="678"/>
      <c r="EC21" s="679"/>
    </row>
    <row r="22" spans="2:133" ht="11.25" customHeight="1" x14ac:dyDescent="0.2">
      <c r="B22" s="656" t="s">
        <v>287</v>
      </c>
      <c r="C22" s="657"/>
      <c r="D22" s="657"/>
      <c r="E22" s="657"/>
      <c r="F22" s="657"/>
      <c r="G22" s="657"/>
      <c r="H22" s="657"/>
      <c r="I22" s="657"/>
      <c r="J22" s="657"/>
      <c r="K22" s="657"/>
      <c r="L22" s="657"/>
      <c r="M22" s="657"/>
      <c r="N22" s="657"/>
      <c r="O22" s="657"/>
      <c r="P22" s="657"/>
      <c r="Q22" s="658"/>
      <c r="R22" s="659">
        <v>1858359</v>
      </c>
      <c r="S22" s="660"/>
      <c r="T22" s="660"/>
      <c r="U22" s="660"/>
      <c r="V22" s="660"/>
      <c r="W22" s="660"/>
      <c r="X22" s="660"/>
      <c r="Y22" s="661"/>
      <c r="Z22" s="662">
        <v>18.3</v>
      </c>
      <c r="AA22" s="662"/>
      <c r="AB22" s="662"/>
      <c r="AC22" s="662"/>
      <c r="AD22" s="663">
        <v>1858359</v>
      </c>
      <c r="AE22" s="663"/>
      <c r="AF22" s="663"/>
      <c r="AG22" s="663"/>
      <c r="AH22" s="663"/>
      <c r="AI22" s="663"/>
      <c r="AJ22" s="663"/>
      <c r="AK22" s="663"/>
      <c r="AL22" s="664">
        <v>30.6</v>
      </c>
      <c r="AM22" s="665"/>
      <c r="AN22" s="665"/>
      <c r="AO22" s="666"/>
      <c r="AP22" s="656" t="s">
        <v>288</v>
      </c>
      <c r="AQ22" s="675"/>
      <c r="AR22" s="675"/>
      <c r="AS22" s="675"/>
      <c r="AT22" s="675"/>
      <c r="AU22" s="675"/>
      <c r="AV22" s="675"/>
      <c r="AW22" s="675"/>
      <c r="AX22" s="675"/>
      <c r="AY22" s="675"/>
      <c r="AZ22" s="675"/>
      <c r="BA22" s="675"/>
      <c r="BB22" s="675"/>
      <c r="BC22" s="675"/>
      <c r="BD22" s="675"/>
      <c r="BE22" s="675"/>
      <c r="BF22" s="676"/>
      <c r="BG22" s="659" t="s">
        <v>140</v>
      </c>
      <c r="BH22" s="660"/>
      <c r="BI22" s="660"/>
      <c r="BJ22" s="660"/>
      <c r="BK22" s="660"/>
      <c r="BL22" s="660"/>
      <c r="BM22" s="660"/>
      <c r="BN22" s="661"/>
      <c r="BO22" s="662" t="s">
        <v>139</v>
      </c>
      <c r="BP22" s="662"/>
      <c r="BQ22" s="662"/>
      <c r="BR22" s="662"/>
      <c r="BS22" s="663" t="s">
        <v>140</v>
      </c>
      <c r="BT22" s="663"/>
      <c r="BU22" s="663"/>
      <c r="BV22" s="663"/>
      <c r="BW22" s="663"/>
      <c r="BX22" s="663"/>
      <c r="BY22" s="663"/>
      <c r="BZ22" s="663"/>
      <c r="CA22" s="663"/>
      <c r="CB22" s="667"/>
      <c r="CD22" s="641" t="s">
        <v>289</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90</v>
      </c>
      <c r="C23" s="657"/>
      <c r="D23" s="657"/>
      <c r="E23" s="657"/>
      <c r="F23" s="657"/>
      <c r="G23" s="657"/>
      <c r="H23" s="657"/>
      <c r="I23" s="657"/>
      <c r="J23" s="657"/>
      <c r="K23" s="657"/>
      <c r="L23" s="657"/>
      <c r="M23" s="657"/>
      <c r="N23" s="657"/>
      <c r="O23" s="657"/>
      <c r="P23" s="657"/>
      <c r="Q23" s="658"/>
      <c r="R23" s="659">
        <v>102571</v>
      </c>
      <c r="S23" s="660"/>
      <c r="T23" s="660"/>
      <c r="U23" s="660"/>
      <c r="V23" s="660"/>
      <c r="W23" s="660"/>
      <c r="X23" s="660"/>
      <c r="Y23" s="661"/>
      <c r="Z23" s="662">
        <v>1</v>
      </c>
      <c r="AA23" s="662"/>
      <c r="AB23" s="662"/>
      <c r="AC23" s="662"/>
      <c r="AD23" s="663" t="s">
        <v>139</v>
      </c>
      <c r="AE23" s="663"/>
      <c r="AF23" s="663"/>
      <c r="AG23" s="663"/>
      <c r="AH23" s="663"/>
      <c r="AI23" s="663"/>
      <c r="AJ23" s="663"/>
      <c r="AK23" s="663"/>
      <c r="AL23" s="664" t="s">
        <v>139</v>
      </c>
      <c r="AM23" s="665"/>
      <c r="AN23" s="665"/>
      <c r="AO23" s="666"/>
      <c r="AP23" s="656" t="s">
        <v>291</v>
      </c>
      <c r="AQ23" s="675"/>
      <c r="AR23" s="675"/>
      <c r="AS23" s="675"/>
      <c r="AT23" s="675"/>
      <c r="AU23" s="675"/>
      <c r="AV23" s="675"/>
      <c r="AW23" s="675"/>
      <c r="AX23" s="675"/>
      <c r="AY23" s="675"/>
      <c r="AZ23" s="675"/>
      <c r="BA23" s="675"/>
      <c r="BB23" s="675"/>
      <c r="BC23" s="675"/>
      <c r="BD23" s="675"/>
      <c r="BE23" s="675"/>
      <c r="BF23" s="676"/>
      <c r="BG23" s="659" t="s">
        <v>139</v>
      </c>
      <c r="BH23" s="660"/>
      <c r="BI23" s="660"/>
      <c r="BJ23" s="660"/>
      <c r="BK23" s="660"/>
      <c r="BL23" s="660"/>
      <c r="BM23" s="660"/>
      <c r="BN23" s="661"/>
      <c r="BO23" s="662" t="s">
        <v>139</v>
      </c>
      <c r="BP23" s="662"/>
      <c r="BQ23" s="662"/>
      <c r="BR23" s="662"/>
      <c r="BS23" s="663" t="s">
        <v>139</v>
      </c>
      <c r="BT23" s="663"/>
      <c r="BU23" s="663"/>
      <c r="BV23" s="663"/>
      <c r="BW23" s="663"/>
      <c r="BX23" s="663"/>
      <c r="BY23" s="663"/>
      <c r="BZ23" s="663"/>
      <c r="CA23" s="663"/>
      <c r="CB23" s="667"/>
      <c r="CD23" s="641" t="s">
        <v>230</v>
      </c>
      <c r="CE23" s="642"/>
      <c r="CF23" s="642"/>
      <c r="CG23" s="642"/>
      <c r="CH23" s="642"/>
      <c r="CI23" s="642"/>
      <c r="CJ23" s="642"/>
      <c r="CK23" s="642"/>
      <c r="CL23" s="642"/>
      <c r="CM23" s="642"/>
      <c r="CN23" s="642"/>
      <c r="CO23" s="642"/>
      <c r="CP23" s="642"/>
      <c r="CQ23" s="643"/>
      <c r="CR23" s="641" t="s">
        <v>292</v>
      </c>
      <c r="CS23" s="642"/>
      <c r="CT23" s="642"/>
      <c r="CU23" s="642"/>
      <c r="CV23" s="642"/>
      <c r="CW23" s="642"/>
      <c r="CX23" s="642"/>
      <c r="CY23" s="643"/>
      <c r="CZ23" s="641" t="s">
        <v>293</v>
      </c>
      <c r="DA23" s="642"/>
      <c r="DB23" s="642"/>
      <c r="DC23" s="643"/>
      <c r="DD23" s="641" t="s">
        <v>294</v>
      </c>
      <c r="DE23" s="642"/>
      <c r="DF23" s="642"/>
      <c r="DG23" s="642"/>
      <c r="DH23" s="642"/>
      <c r="DI23" s="642"/>
      <c r="DJ23" s="642"/>
      <c r="DK23" s="643"/>
      <c r="DL23" s="688" t="s">
        <v>295</v>
      </c>
      <c r="DM23" s="689"/>
      <c r="DN23" s="689"/>
      <c r="DO23" s="689"/>
      <c r="DP23" s="689"/>
      <c r="DQ23" s="689"/>
      <c r="DR23" s="689"/>
      <c r="DS23" s="689"/>
      <c r="DT23" s="689"/>
      <c r="DU23" s="689"/>
      <c r="DV23" s="690"/>
      <c r="DW23" s="641" t="s">
        <v>296</v>
      </c>
      <c r="DX23" s="642"/>
      <c r="DY23" s="642"/>
      <c r="DZ23" s="642"/>
      <c r="EA23" s="642"/>
      <c r="EB23" s="642"/>
      <c r="EC23" s="643"/>
    </row>
    <row r="24" spans="2:133" ht="11.25" customHeight="1" x14ac:dyDescent="0.2">
      <c r="B24" s="656" t="s">
        <v>297</v>
      </c>
      <c r="C24" s="657"/>
      <c r="D24" s="657"/>
      <c r="E24" s="657"/>
      <c r="F24" s="657"/>
      <c r="G24" s="657"/>
      <c r="H24" s="657"/>
      <c r="I24" s="657"/>
      <c r="J24" s="657"/>
      <c r="K24" s="657"/>
      <c r="L24" s="657"/>
      <c r="M24" s="657"/>
      <c r="N24" s="657"/>
      <c r="O24" s="657"/>
      <c r="P24" s="657"/>
      <c r="Q24" s="658"/>
      <c r="R24" s="659" t="s">
        <v>139</v>
      </c>
      <c r="S24" s="660"/>
      <c r="T24" s="660"/>
      <c r="U24" s="660"/>
      <c r="V24" s="660"/>
      <c r="W24" s="660"/>
      <c r="X24" s="660"/>
      <c r="Y24" s="661"/>
      <c r="Z24" s="662" t="s">
        <v>139</v>
      </c>
      <c r="AA24" s="662"/>
      <c r="AB24" s="662"/>
      <c r="AC24" s="662"/>
      <c r="AD24" s="663" t="s">
        <v>139</v>
      </c>
      <c r="AE24" s="663"/>
      <c r="AF24" s="663"/>
      <c r="AG24" s="663"/>
      <c r="AH24" s="663"/>
      <c r="AI24" s="663"/>
      <c r="AJ24" s="663"/>
      <c r="AK24" s="663"/>
      <c r="AL24" s="664" t="s">
        <v>139</v>
      </c>
      <c r="AM24" s="665"/>
      <c r="AN24" s="665"/>
      <c r="AO24" s="666"/>
      <c r="AP24" s="656" t="s">
        <v>298</v>
      </c>
      <c r="AQ24" s="675"/>
      <c r="AR24" s="675"/>
      <c r="AS24" s="675"/>
      <c r="AT24" s="675"/>
      <c r="AU24" s="675"/>
      <c r="AV24" s="675"/>
      <c r="AW24" s="675"/>
      <c r="AX24" s="675"/>
      <c r="AY24" s="675"/>
      <c r="AZ24" s="675"/>
      <c r="BA24" s="675"/>
      <c r="BB24" s="675"/>
      <c r="BC24" s="675"/>
      <c r="BD24" s="675"/>
      <c r="BE24" s="675"/>
      <c r="BF24" s="676"/>
      <c r="BG24" s="659" t="s">
        <v>139</v>
      </c>
      <c r="BH24" s="660"/>
      <c r="BI24" s="660"/>
      <c r="BJ24" s="660"/>
      <c r="BK24" s="660"/>
      <c r="BL24" s="660"/>
      <c r="BM24" s="660"/>
      <c r="BN24" s="661"/>
      <c r="BO24" s="662" t="s">
        <v>140</v>
      </c>
      <c r="BP24" s="662"/>
      <c r="BQ24" s="662"/>
      <c r="BR24" s="662"/>
      <c r="BS24" s="663" t="s">
        <v>139</v>
      </c>
      <c r="BT24" s="663"/>
      <c r="BU24" s="663"/>
      <c r="BV24" s="663"/>
      <c r="BW24" s="663"/>
      <c r="BX24" s="663"/>
      <c r="BY24" s="663"/>
      <c r="BZ24" s="663"/>
      <c r="CA24" s="663"/>
      <c r="CB24" s="667"/>
      <c r="CD24" s="645" t="s">
        <v>299</v>
      </c>
      <c r="CE24" s="646"/>
      <c r="CF24" s="646"/>
      <c r="CG24" s="646"/>
      <c r="CH24" s="646"/>
      <c r="CI24" s="646"/>
      <c r="CJ24" s="646"/>
      <c r="CK24" s="646"/>
      <c r="CL24" s="646"/>
      <c r="CM24" s="646"/>
      <c r="CN24" s="646"/>
      <c r="CO24" s="646"/>
      <c r="CP24" s="646"/>
      <c r="CQ24" s="647"/>
      <c r="CR24" s="648">
        <v>4552836</v>
      </c>
      <c r="CS24" s="649"/>
      <c r="CT24" s="649"/>
      <c r="CU24" s="649"/>
      <c r="CV24" s="649"/>
      <c r="CW24" s="649"/>
      <c r="CX24" s="649"/>
      <c r="CY24" s="650"/>
      <c r="CZ24" s="653">
        <v>47.5</v>
      </c>
      <c r="DA24" s="654"/>
      <c r="DB24" s="654"/>
      <c r="DC24" s="670"/>
      <c r="DD24" s="691">
        <v>3134932</v>
      </c>
      <c r="DE24" s="649"/>
      <c r="DF24" s="649"/>
      <c r="DG24" s="649"/>
      <c r="DH24" s="649"/>
      <c r="DI24" s="649"/>
      <c r="DJ24" s="649"/>
      <c r="DK24" s="650"/>
      <c r="DL24" s="691">
        <v>3056786</v>
      </c>
      <c r="DM24" s="649"/>
      <c r="DN24" s="649"/>
      <c r="DO24" s="649"/>
      <c r="DP24" s="649"/>
      <c r="DQ24" s="649"/>
      <c r="DR24" s="649"/>
      <c r="DS24" s="649"/>
      <c r="DT24" s="649"/>
      <c r="DU24" s="649"/>
      <c r="DV24" s="650"/>
      <c r="DW24" s="653">
        <v>49</v>
      </c>
      <c r="DX24" s="654"/>
      <c r="DY24" s="654"/>
      <c r="DZ24" s="654"/>
      <c r="EA24" s="654"/>
      <c r="EB24" s="654"/>
      <c r="EC24" s="655"/>
    </row>
    <row r="25" spans="2:133" ht="11.25" customHeight="1" x14ac:dyDescent="0.2">
      <c r="B25" s="656" t="s">
        <v>300</v>
      </c>
      <c r="C25" s="657"/>
      <c r="D25" s="657"/>
      <c r="E25" s="657"/>
      <c r="F25" s="657"/>
      <c r="G25" s="657"/>
      <c r="H25" s="657"/>
      <c r="I25" s="657"/>
      <c r="J25" s="657"/>
      <c r="K25" s="657"/>
      <c r="L25" s="657"/>
      <c r="M25" s="657"/>
      <c r="N25" s="657"/>
      <c r="O25" s="657"/>
      <c r="P25" s="657"/>
      <c r="Q25" s="658"/>
      <c r="R25" s="659">
        <v>6141046</v>
      </c>
      <c r="S25" s="660"/>
      <c r="T25" s="660"/>
      <c r="U25" s="660"/>
      <c r="V25" s="660"/>
      <c r="W25" s="660"/>
      <c r="X25" s="660"/>
      <c r="Y25" s="661"/>
      <c r="Z25" s="662">
        <v>60.6</v>
      </c>
      <c r="AA25" s="662"/>
      <c r="AB25" s="662"/>
      <c r="AC25" s="662"/>
      <c r="AD25" s="663">
        <v>6038475</v>
      </c>
      <c r="AE25" s="663"/>
      <c r="AF25" s="663"/>
      <c r="AG25" s="663"/>
      <c r="AH25" s="663"/>
      <c r="AI25" s="663"/>
      <c r="AJ25" s="663"/>
      <c r="AK25" s="663"/>
      <c r="AL25" s="664">
        <v>99.5</v>
      </c>
      <c r="AM25" s="665"/>
      <c r="AN25" s="665"/>
      <c r="AO25" s="666"/>
      <c r="AP25" s="656" t="s">
        <v>301</v>
      </c>
      <c r="AQ25" s="675"/>
      <c r="AR25" s="675"/>
      <c r="AS25" s="675"/>
      <c r="AT25" s="675"/>
      <c r="AU25" s="675"/>
      <c r="AV25" s="675"/>
      <c r="AW25" s="675"/>
      <c r="AX25" s="675"/>
      <c r="AY25" s="675"/>
      <c r="AZ25" s="675"/>
      <c r="BA25" s="675"/>
      <c r="BB25" s="675"/>
      <c r="BC25" s="675"/>
      <c r="BD25" s="675"/>
      <c r="BE25" s="675"/>
      <c r="BF25" s="676"/>
      <c r="BG25" s="659" t="s">
        <v>139</v>
      </c>
      <c r="BH25" s="660"/>
      <c r="BI25" s="660"/>
      <c r="BJ25" s="660"/>
      <c r="BK25" s="660"/>
      <c r="BL25" s="660"/>
      <c r="BM25" s="660"/>
      <c r="BN25" s="661"/>
      <c r="BO25" s="662" t="s">
        <v>139</v>
      </c>
      <c r="BP25" s="662"/>
      <c r="BQ25" s="662"/>
      <c r="BR25" s="662"/>
      <c r="BS25" s="663" t="s">
        <v>139</v>
      </c>
      <c r="BT25" s="663"/>
      <c r="BU25" s="663"/>
      <c r="BV25" s="663"/>
      <c r="BW25" s="663"/>
      <c r="BX25" s="663"/>
      <c r="BY25" s="663"/>
      <c r="BZ25" s="663"/>
      <c r="CA25" s="663"/>
      <c r="CB25" s="667"/>
      <c r="CD25" s="656" t="s">
        <v>302</v>
      </c>
      <c r="CE25" s="657"/>
      <c r="CF25" s="657"/>
      <c r="CG25" s="657"/>
      <c r="CH25" s="657"/>
      <c r="CI25" s="657"/>
      <c r="CJ25" s="657"/>
      <c r="CK25" s="657"/>
      <c r="CL25" s="657"/>
      <c r="CM25" s="657"/>
      <c r="CN25" s="657"/>
      <c r="CO25" s="657"/>
      <c r="CP25" s="657"/>
      <c r="CQ25" s="658"/>
      <c r="CR25" s="659">
        <v>1988030</v>
      </c>
      <c r="CS25" s="680"/>
      <c r="CT25" s="680"/>
      <c r="CU25" s="680"/>
      <c r="CV25" s="680"/>
      <c r="CW25" s="680"/>
      <c r="CX25" s="680"/>
      <c r="CY25" s="681"/>
      <c r="CZ25" s="664">
        <v>20.8</v>
      </c>
      <c r="DA25" s="692"/>
      <c r="DB25" s="692"/>
      <c r="DC25" s="694"/>
      <c r="DD25" s="668">
        <v>1884276</v>
      </c>
      <c r="DE25" s="680"/>
      <c r="DF25" s="680"/>
      <c r="DG25" s="680"/>
      <c r="DH25" s="680"/>
      <c r="DI25" s="680"/>
      <c r="DJ25" s="680"/>
      <c r="DK25" s="681"/>
      <c r="DL25" s="668">
        <v>1874240</v>
      </c>
      <c r="DM25" s="680"/>
      <c r="DN25" s="680"/>
      <c r="DO25" s="680"/>
      <c r="DP25" s="680"/>
      <c r="DQ25" s="680"/>
      <c r="DR25" s="680"/>
      <c r="DS25" s="680"/>
      <c r="DT25" s="680"/>
      <c r="DU25" s="680"/>
      <c r="DV25" s="681"/>
      <c r="DW25" s="664">
        <v>30</v>
      </c>
      <c r="DX25" s="692"/>
      <c r="DY25" s="692"/>
      <c r="DZ25" s="692"/>
      <c r="EA25" s="692"/>
      <c r="EB25" s="692"/>
      <c r="EC25" s="693"/>
    </row>
    <row r="26" spans="2:133" ht="11.25" customHeight="1" x14ac:dyDescent="0.2">
      <c r="B26" s="656" t="s">
        <v>303</v>
      </c>
      <c r="C26" s="657"/>
      <c r="D26" s="657"/>
      <c r="E26" s="657"/>
      <c r="F26" s="657"/>
      <c r="G26" s="657"/>
      <c r="H26" s="657"/>
      <c r="I26" s="657"/>
      <c r="J26" s="657"/>
      <c r="K26" s="657"/>
      <c r="L26" s="657"/>
      <c r="M26" s="657"/>
      <c r="N26" s="657"/>
      <c r="O26" s="657"/>
      <c r="P26" s="657"/>
      <c r="Q26" s="658"/>
      <c r="R26" s="659">
        <v>3018</v>
      </c>
      <c r="S26" s="660"/>
      <c r="T26" s="660"/>
      <c r="U26" s="660"/>
      <c r="V26" s="660"/>
      <c r="W26" s="660"/>
      <c r="X26" s="660"/>
      <c r="Y26" s="661"/>
      <c r="Z26" s="662">
        <v>0</v>
      </c>
      <c r="AA26" s="662"/>
      <c r="AB26" s="662"/>
      <c r="AC26" s="662"/>
      <c r="AD26" s="663">
        <v>3018</v>
      </c>
      <c r="AE26" s="663"/>
      <c r="AF26" s="663"/>
      <c r="AG26" s="663"/>
      <c r="AH26" s="663"/>
      <c r="AI26" s="663"/>
      <c r="AJ26" s="663"/>
      <c r="AK26" s="663"/>
      <c r="AL26" s="664">
        <v>0</v>
      </c>
      <c r="AM26" s="665"/>
      <c r="AN26" s="665"/>
      <c r="AO26" s="666"/>
      <c r="AP26" s="656" t="s">
        <v>304</v>
      </c>
      <c r="AQ26" s="675"/>
      <c r="AR26" s="675"/>
      <c r="AS26" s="675"/>
      <c r="AT26" s="675"/>
      <c r="AU26" s="675"/>
      <c r="AV26" s="675"/>
      <c r="AW26" s="675"/>
      <c r="AX26" s="675"/>
      <c r="AY26" s="675"/>
      <c r="AZ26" s="675"/>
      <c r="BA26" s="675"/>
      <c r="BB26" s="675"/>
      <c r="BC26" s="675"/>
      <c r="BD26" s="675"/>
      <c r="BE26" s="675"/>
      <c r="BF26" s="676"/>
      <c r="BG26" s="659" t="s">
        <v>139</v>
      </c>
      <c r="BH26" s="660"/>
      <c r="BI26" s="660"/>
      <c r="BJ26" s="660"/>
      <c r="BK26" s="660"/>
      <c r="BL26" s="660"/>
      <c r="BM26" s="660"/>
      <c r="BN26" s="661"/>
      <c r="BO26" s="662" t="s">
        <v>139</v>
      </c>
      <c r="BP26" s="662"/>
      <c r="BQ26" s="662"/>
      <c r="BR26" s="662"/>
      <c r="BS26" s="663" t="s">
        <v>139</v>
      </c>
      <c r="BT26" s="663"/>
      <c r="BU26" s="663"/>
      <c r="BV26" s="663"/>
      <c r="BW26" s="663"/>
      <c r="BX26" s="663"/>
      <c r="BY26" s="663"/>
      <c r="BZ26" s="663"/>
      <c r="CA26" s="663"/>
      <c r="CB26" s="667"/>
      <c r="CD26" s="656" t="s">
        <v>305</v>
      </c>
      <c r="CE26" s="657"/>
      <c r="CF26" s="657"/>
      <c r="CG26" s="657"/>
      <c r="CH26" s="657"/>
      <c r="CI26" s="657"/>
      <c r="CJ26" s="657"/>
      <c r="CK26" s="657"/>
      <c r="CL26" s="657"/>
      <c r="CM26" s="657"/>
      <c r="CN26" s="657"/>
      <c r="CO26" s="657"/>
      <c r="CP26" s="657"/>
      <c r="CQ26" s="658"/>
      <c r="CR26" s="659">
        <v>1265335</v>
      </c>
      <c r="CS26" s="660"/>
      <c r="CT26" s="660"/>
      <c r="CU26" s="660"/>
      <c r="CV26" s="660"/>
      <c r="CW26" s="660"/>
      <c r="CX26" s="660"/>
      <c r="CY26" s="661"/>
      <c r="CZ26" s="664">
        <v>13.2</v>
      </c>
      <c r="DA26" s="692"/>
      <c r="DB26" s="692"/>
      <c r="DC26" s="694"/>
      <c r="DD26" s="668">
        <v>1188001</v>
      </c>
      <c r="DE26" s="660"/>
      <c r="DF26" s="660"/>
      <c r="DG26" s="660"/>
      <c r="DH26" s="660"/>
      <c r="DI26" s="660"/>
      <c r="DJ26" s="660"/>
      <c r="DK26" s="661"/>
      <c r="DL26" s="668" t="s">
        <v>139</v>
      </c>
      <c r="DM26" s="660"/>
      <c r="DN26" s="660"/>
      <c r="DO26" s="660"/>
      <c r="DP26" s="660"/>
      <c r="DQ26" s="660"/>
      <c r="DR26" s="660"/>
      <c r="DS26" s="660"/>
      <c r="DT26" s="660"/>
      <c r="DU26" s="660"/>
      <c r="DV26" s="661"/>
      <c r="DW26" s="664" t="s">
        <v>139</v>
      </c>
      <c r="DX26" s="692"/>
      <c r="DY26" s="692"/>
      <c r="DZ26" s="692"/>
      <c r="EA26" s="692"/>
      <c r="EB26" s="692"/>
      <c r="EC26" s="693"/>
    </row>
    <row r="27" spans="2:133" ht="11.25" customHeight="1" x14ac:dyDescent="0.2">
      <c r="B27" s="656" t="s">
        <v>306</v>
      </c>
      <c r="C27" s="657"/>
      <c r="D27" s="657"/>
      <c r="E27" s="657"/>
      <c r="F27" s="657"/>
      <c r="G27" s="657"/>
      <c r="H27" s="657"/>
      <c r="I27" s="657"/>
      <c r="J27" s="657"/>
      <c r="K27" s="657"/>
      <c r="L27" s="657"/>
      <c r="M27" s="657"/>
      <c r="N27" s="657"/>
      <c r="O27" s="657"/>
      <c r="P27" s="657"/>
      <c r="Q27" s="658"/>
      <c r="R27" s="659">
        <v>104659</v>
      </c>
      <c r="S27" s="660"/>
      <c r="T27" s="660"/>
      <c r="U27" s="660"/>
      <c r="V27" s="660"/>
      <c r="W27" s="660"/>
      <c r="X27" s="660"/>
      <c r="Y27" s="661"/>
      <c r="Z27" s="662">
        <v>1</v>
      </c>
      <c r="AA27" s="662"/>
      <c r="AB27" s="662"/>
      <c r="AC27" s="662"/>
      <c r="AD27" s="663" t="s">
        <v>139</v>
      </c>
      <c r="AE27" s="663"/>
      <c r="AF27" s="663"/>
      <c r="AG27" s="663"/>
      <c r="AH27" s="663"/>
      <c r="AI27" s="663"/>
      <c r="AJ27" s="663"/>
      <c r="AK27" s="663"/>
      <c r="AL27" s="664" t="s">
        <v>139</v>
      </c>
      <c r="AM27" s="665"/>
      <c r="AN27" s="665"/>
      <c r="AO27" s="666"/>
      <c r="AP27" s="656" t="s">
        <v>307</v>
      </c>
      <c r="AQ27" s="657"/>
      <c r="AR27" s="657"/>
      <c r="AS27" s="657"/>
      <c r="AT27" s="657"/>
      <c r="AU27" s="657"/>
      <c r="AV27" s="657"/>
      <c r="AW27" s="657"/>
      <c r="AX27" s="657"/>
      <c r="AY27" s="657"/>
      <c r="AZ27" s="657"/>
      <c r="BA27" s="657"/>
      <c r="BB27" s="657"/>
      <c r="BC27" s="657"/>
      <c r="BD27" s="657"/>
      <c r="BE27" s="657"/>
      <c r="BF27" s="658"/>
      <c r="BG27" s="659">
        <v>3409441</v>
      </c>
      <c r="BH27" s="660"/>
      <c r="BI27" s="660"/>
      <c r="BJ27" s="660"/>
      <c r="BK27" s="660"/>
      <c r="BL27" s="660"/>
      <c r="BM27" s="660"/>
      <c r="BN27" s="661"/>
      <c r="BO27" s="662">
        <v>100</v>
      </c>
      <c r="BP27" s="662"/>
      <c r="BQ27" s="662"/>
      <c r="BR27" s="662"/>
      <c r="BS27" s="663" t="s">
        <v>139</v>
      </c>
      <c r="BT27" s="663"/>
      <c r="BU27" s="663"/>
      <c r="BV27" s="663"/>
      <c r="BW27" s="663"/>
      <c r="BX27" s="663"/>
      <c r="BY27" s="663"/>
      <c r="BZ27" s="663"/>
      <c r="CA27" s="663"/>
      <c r="CB27" s="667"/>
      <c r="CD27" s="656" t="s">
        <v>308</v>
      </c>
      <c r="CE27" s="657"/>
      <c r="CF27" s="657"/>
      <c r="CG27" s="657"/>
      <c r="CH27" s="657"/>
      <c r="CI27" s="657"/>
      <c r="CJ27" s="657"/>
      <c r="CK27" s="657"/>
      <c r="CL27" s="657"/>
      <c r="CM27" s="657"/>
      <c r="CN27" s="657"/>
      <c r="CO27" s="657"/>
      <c r="CP27" s="657"/>
      <c r="CQ27" s="658"/>
      <c r="CR27" s="659">
        <v>1862831</v>
      </c>
      <c r="CS27" s="680"/>
      <c r="CT27" s="680"/>
      <c r="CU27" s="680"/>
      <c r="CV27" s="680"/>
      <c r="CW27" s="680"/>
      <c r="CX27" s="680"/>
      <c r="CY27" s="681"/>
      <c r="CZ27" s="664">
        <v>19.399999999999999</v>
      </c>
      <c r="DA27" s="692"/>
      <c r="DB27" s="692"/>
      <c r="DC27" s="694"/>
      <c r="DD27" s="668">
        <v>548681</v>
      </c>
      <c r="DE27" s="680"/>
      <c r="DF27" s="680"/>
      <c r="DG27" s="680"/>
      <c r="DH27" s="680"/>
      <c r="DI27" s="680"/>
      <c r="DJ27" s="680"/>
      <c r="DK27" s="681"/>
      <c r="DL27" s="668">
        <v>480571</v>
      </c>
      <c r="DM27" s="680"/>
      <c r="DN27" s="680"/>
      <c r="DO27" s="680"/>
      <c r="DP27" s="680"/>
      <c r="DQ27" s="680"/>
      <c r="DR27" s="680"/>
      <c r="DS27" s="680"/>
      <c r="DT27" s="680"/>
      <c r="DU27" s="680"/>
      <c r="DV27" s="681"/>
      <c r="DW27" s="664">
        <v>7.7</v>
      </c>
      <c r="DX27" s="692"/>
      <c r="DY27" s="692"/>
      <c r="DZ27" s="692"/>
      <c r="EA27" s="692"/>
      <c r="EB27" s="692"/>
      <c r="EC27" s="693"/>
    </row>
    <row r="28" spans="2:133" ht="11.25" customHeight="1" x14ac:dyDescent="0.2">
      <c r="B28" s="656" t="s">
        <v>309</v>
      </c>
      <c r="C28" s="657"/>
      <c r="D28" s="657"/>
      <c r="E28" s="657"/>
      <c r="F28" s="657"/>
      <c r="G28" s="657"/>
      <c r="H28" s="657"/>
      <c r="I28" s="657"/>
      <c r="J28" s="657"/>
      <c r="K28" s="657"/>
      <c r="L28" s="657"/>
      <c r="M28" s="657"/>
      <c r="N28" s="657"/>
      <c r="O28" s="657"/>
      <c r="P28" s="657"/>
      <c r="Q28" s="658"/>
      <c r="R28" s="659">
        <v>117761</v>
      </c>
      <c r="S28" s="660"/>
      <c r="T28" s="660"/>
      <c r="U28" s="660"/>
      <c r="V28" s="660"/>
      <c r="W28" s="660"/>
      <c r="X28" s="660"/>
      <c r="Y28" s="661"/>
      <c r="Z28" s="662">
        <v>1.2</v>
      </c>
      <c r="AA28" s="662"/>
      <c r="AB28" s="662"/>
      <c r="AC28" s="662"/>
      <c r="AD28" s="663">
        <v>25534</v>
      </c>
      <c r="AE28" s="663"/>
      <c r="AF28" s="663"/>
      <c r="AG28" s="663"/>
      <c r="AH28" s="663"/>
      <c r="AI28" s="663"/>
      <c r="AJ28" s="663"/>
      <c r="AK28" s="663"/>
      <c r="AL28" s="664">
        <v>0.4</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10</v>
      </c>
      <c r="CE28" s="657"/>
      <c r="CF28" s="657"/>
      <c r="CG28" s="657"/>
      <c r="CH28" s="657"/>
      <c r="CI28" s="657"/>
      <c r="CJ28" s="657"/>
      <c r="CK28" s="657"/>
      <c r="CL28" s="657"/>
      <c r="CM28" s="657"/>
      <c r="CN28" s="657"/>
      <c r="CO28" s="657"/>
      <c r="CP28" s="657"/>
      <c r="CQ28" s="658"/>
      <c r="CR28" s="659">
        <v>701975</v>
      </c>
      <c r="CS28" s="660"/>
      <c r="CT28" s="660"/>
      <c r="CU28" s="660"/>
      <c r="CV28" s="660"/>
      <c r="CW28" s="660"/>
      <c r="CX28" s="660"/>
      <c r="CY28" s="661"/>
      <c r="CZ28" s="664">
        <v>7.3</v>
      </c>
      <c r="DA28" s="692"/>
      <c r="DB28" s="692"/>
      <c r="DC28" s="694"/>
      <c r="DD28" s="668">
        <v>701975</v>
      </c>
      <c r="DE28" s="660"/>
      <c r="DF28" s="660"/>
      <c r="DG28" s="660"/>
      <c r="DH28" s="660"/>
      <c r="DI28" s="660"/>
      <c r="DJ28" s="660"/>
      <c r="DK28" s="661"/>
      <c r="DL28" s="668">
        <v>701975</v>
      </c>
      <c r="DM28" s="660"/>
      <c r="DN28" s="660"/>
      <c r="DO28" s="660"/>
      <c r="DP28" s="660"/>
      <c r="DQ28" s="660"/>
      <c r="DR28" s="660"/>
      <c r="DS28" s="660"/>
      <c r="DT28" s="660"/>
      <c r="DU28" s="660"/>
      <c r="DV28" s="661"/>
      <c r="DW28" s="664">
        <v>11.2</v>
      </c>
      <c r="DX28" s="692"/>
      <c r="DY28" s="692"/>
      <c r="DZ28" s="692"/>
      <c r="EA28" s="692"/>
      <c r="EB28" s="692"/>
      <c r="EC28" s="693"/>
    </row>
    <row r="29" spans="2:133" ht="11.25" customHeight="1" x14ac:dyDescent="0.2">
      <c r="B29" s="656" t="s">
        <v>311</v>
      </c>
      <c r="C29" s="657"/>
      <c r="D29" s="657"/>
      <c r="E29" s="657"/>
      <c r="F29" s="657"/>
      <c r="G29" s="657"/>
      <c r="H29" s="657"/>
      <c r="I29" s="657"/>
      <c r="J29" s="657"/>
      <c r="K29" s="657"/>
      <c r="L29" s="657"/>
      <c r="M29" s="657"/>
      <c r="N29" s="657"/>
      <c r="O29" s="657"/>
      <c r="P29" s="657"/>
      <c r="Q29" s="658"/>
      <c r="R29" s="659">
        <v>49012</v>
      </c>
      <c r="S29" s="660"/>
      <c r="T29" s="660"/>
      <c r="U29" s="660"/>
      <c r="V29" s="660"/>
      <c r="W29" s="660"/>
      <c r="X29" s="660"/>
      <c r="Y29" s="661"/>
      <c r="Z29" s="662">
        <v>0.5</v>
      </c>
      <c r="AA29" s="662"/>
      <c r="AB29" s="662"/>
      <c r="AC29" s="662"/>
      <c r="AD29" s="663" t="s">
        <v>139</v>
      </c>
      <c r="AE29" s="663"/>
      <c r="AF29" s="663"/>
      <c r="AG29" s="663"/>
      <c r="AH29" s="663"/>
      <c r="AI29" s="663"/>
      <c r="AJ29" s="663"/>
      <c r="AK29" s="663"/>
      <c r="AL29" s="664" t="s">
        <v>139</v>
      </c>
      <c r="AM29" s="665"/>
      <c r="AN29" s="665"/>
      <c r="AO29" s="666"/>
      <c r="AP29" s="682"/>
      <c r="AQ29" s="683"/>
      <c r="AR29" s="683"/>
      <c r="AS29" s="683"/>
      <c r="AT29" s="683"/>
      <c r="AU29" s="683"/>
      <c r="AV29" s="683"/>
      <c r="AW29" s="683"/>
      <c r="AX29" s="683"/>
      <c r="AY29" s="683"/>
      <c r="AZ29" s="683"/>
      <c r="BA29" s="683"/>
      <c r="BB29" s="683"/>
      <c r="BC29" s="683"/>
      <c r="BD29" s="683"/>
      <c r="BE29" s="683"/>
      <c r="BF29" s="684"/>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7" t="s">
        <v>312</v>
      </c>
      <c r="CE29" s="698"/>
      <c r="CF29" s="656" t="s">
        <v>72</v>
      </c>
      <c r="CG29" s="657"/>
      <c r="CH29" s="657"/>
      <c r="CI29" s="657"/>
      <c r="CJ29" s="657"/>
      <c r="CK29" s="657"/>
      <c r="CL29" s="657"/>
      <c r="CM29" s="657"/>
      <c r="CN29" s="657"/>
      <c r="CO29" s="657"/>
      <c r="CP29" s="657"/>
      <c r="CQ29" s="658"/>
      <c r="CR29" s="659">
        <v>701975</v>
      </c>
      <c r="CS29" s="680"/>
      <c r="CT29" s="680"/>
      <c r="CU29" s="680"/>
      <c r="CV29" s="680"/>
      <c r="CW29" s="680"/>
      <c r="CX29" s="680"/>
      <c r="CY29" s="681"/>
      <c r="CZ29" s="664">
        <v>7.3</v>
      </c>
      <c r="DA29" s="692"/>
      <c r="DB29" s="692"/>
      <c r="DC29" s="694"/>
      <c r="DD29" s="668">
        <v>701975</v>
      </c>
      <c r="DE29" s="680"/>
      <c r="DF29" s="680"/>
      <c r="DG29" s="680"/>
      <c r="DH29" s="680"/>
      <c r="DI29" s="680"/>
      <c r="DJ29" s="680"/>
      <c r="DK29" s="681"/>
      <c r="DL29" s="668">
        <v>701975</v>
      </c>
      <c r="DM29" s="680"/>
      <c r="DN29" s="680"/>
      <c r="DO29" s="680"/>
      <c r="DP29" s="680"/>
      <c r="DQ29" s="680"/>
      <c r="DR29" s="680"/>
      <c r="DS29" s="680"/>
      <c r="DT29" s="680"/>
      <c r="DU29" s="680"/>
      <c r="DV29" s="681"/>
      <c r="DW29" s="664">
        <v>11.2</v>
      </c>
      <c r="DX29" s="692"/>
      <c r="DY29" s="692"/>
      <c r="DZ29" s="692"/>
      <c r="EA29" s="692"/>
      <c r="EB29" s="692"/>
      <c r="EC29" s="693"/>
    </row>
    <row r="30" spans="2:133" ht="11.25" customHeight="1" x14ac:dyDescent="0.2">
      <c r="B30" s="656" t="s">
        <v>313</v>
      </c>
      <c r="C30" s="657"/>
      <c r="D30" s="657"/>
      <c r="E30" s="657"/>
      <c r="F30" s="657"/>
      <c r="G30" s="657"/>
      <c r="H30" s="657"/>
      <c r="I30" s="657"/>
      <c r="J30" s="657"/>
      <c r="K30" s="657"/>
      <c r="L30" s="657"/>
      <c r="M30" s="657"/>
      <c r="N30" s="657"/>
      <c r="O30" s="657"/>
      <c r="P30" s="657"/>
      <c r="Q30" s="658"/>
      <c r="R30" s="659">
        <v>1747112</v>
      </c>
      <c r="S30" s="660"/>
      <c r="T30" s="660"/>
      <c r="U30" s="660"/>
      <c r="V30" s="660"/>
      <c r="W30" s="660"/>
      <c r="X30" s="660"/>
      <c r="Y30" s="661"/>
      <c r="Z30" s="662">
        <v>17.2</v>
      </c>
      <c r="AA30" s="662"/>
      <c r="AB30" s="662"/>
      <c r="AC30" s="662"/>
      <c r="AD30" s="663" t="s">
        <v>139</v>
      </c>
      <c r="AE30" s="663"/>
      <c r="AF30" s="663"/>
      <c r="AG30" s="663"/>
      <c r="AH30" s="663"/>
      <c r="AI30" s="663"/>
      <c r="AJ30" s="663"/>
      <c r="AK30" s="663"/>
      <c r="AL30" s="664" t="s">
        <v>139</v>
      </c>
      <c r="AM30" s="665"/>
      <c r="AN30" s="665"/>
      <c r="AO30" s="666"/>
      <c r="AP30" s="641" t="s">
        <v>230</v>
      </c>
      <c r="AQ30" s="642"/>
      <c r="AR30" s="642"/>
      <c r="AS30" s="642"/>
      <c r="AT30" s="642"/>
      <c r="AU30" s="642"/>
      <c r="AV30" s="642"/>
      <c r="AW30" s="642"/>
      <c r="AX30" s="642"/>
      <c r="AY30" s="642"/>
      <c r="AZ30" s="642"/>
      <c r="BA30" s="642"/>
      <c r="BB30" s="642"/>
      <c r="BC30" s="642"/>
      <c r="BD30" s="642"/>
      <c r="BE30" s="642"/>
      <c r="BF30" s="643"/>
      <c r="BG30" s="641" t="s">
        <v>314</v>
      </c>
      <c r="BH30" s="695"/>
      <c r="BI30" s="695"/>
      <c r="BJ30" s="695"/>
      <c r="BK30" s="695"/>
      <c r="BL30" s="695"/>
      <c r="BM30" s="695"/>
      <c r="BN30" s="695"/>
      <c r="BO30" s="695"/>
      <c r="BP30" s="695"/>
      <c r="BQ30" s="696"/>
      <c r="BR30" s="641" t="s">
        <v>315</v>
      </c>
      <c r="BS30" s="695"/>
      <c r="BT30" s="695"/>
      <c r="BU30" s="695"/>
      <c r="BV30" s="695"/>
      <c r="BW30" s="695"/>
      <c r="BX30" s="695"/>
      <c r="BY30" s="695"/>
      <c r="BZ30" s="695"/>
      <c r="CA30" s="695"/>
      <c r="CB30" s="696"/>
      <c r="CD30" s="699"/>
      <c r="CE30" s="700"/>
      <c r="CF30" s="656" t="s">
        <v>316</v>
      </c>
      <c r="CG30" s="657"/>
      <c r="CH30" s="657"/>
      <c r="CI30" s="657"/>
      <c r="CJ30" s="657"/>
      <c r="CK30" s="657"/>
      <c r="CL30" s="657"/>
      <c r="CM30" s="657"/>
      <c r="CN30" s="657"/>
      <c r="CO30" s="657"/>
      <c r="CP30" s="657"/>
      <c r="CQ30" s="658"/>
      <c r="CR30" s="659">
        <v>672958</v>
      </c>
      <c r="CS30" s="660"/>
      <c r="CT30" s="660"/>
      <c r="CU30" s="660"/>
      <c r="CV30" s="660"/>
      <c r="CW30" s="660"/>
      <c r="CX30" s="660"/>
      <c r="CY30" s="661"/>
      <c r="CZ30" s="664">
        <v>7</v>
      </c>
      <c r="DA30" s="692"/>
      <c r="DB30" s="692"/>
      <c r="DC30" s="694"/>
      <c r="DD30" s="668">
        <v>672958</v>
      </c>
      <c r="DE30" s="660"/>
      <c r="DF30" s="660"/>
      <c r="DG30" s="660"/>
      <c r="DH30" s="660"/>
      <c r="DI30" s="660"/>
      <c r="DJ30" s="660"/>
      <c r="DK30" s="661"/>
      <c r="DL30" s="668">
        <v>672958</v>
      </c>
      <c r="DM30" s="660"/>
      <c r="DN30" s="660"/>
      <c r="DO30" s="660"/>
      <c r="DP30" s="660"/>
      <c r="DQ30" s="660"/>
      <c r="DR30" s="660"/>
      <c r="DS30" s="660"/>
      <c r="DT30" s="660"/>
      <c r="DU30" s="660"/>
      <c r="DV30" s="661"/>
      <c r="DW30" s="664">
        <v>10.8</v>
      </c>
      <c r="DX30" s="692"/>
      <c r="DY30" s="692"/>
      <c r="DZ30" s="692"/>
      <c r="EA30" s="692"/>
      <c r="EB30" s="692"/>
      <c r="EC30" s="693"/>
    </row>
    <row r="31" spans="2:133" ht="11.25" customHeight="1" x14ac:dyDescent="0.2">
      <c r="B31" s="672" t="s">
        <v>317</v>
      </c>
      <c r="C31" s="673"/>
      <c r="D31" s="673"/>
      <c r="E31" s="673"/>
      <c r="F31" s="673"/>
      <c r="G31" s="673"/>
      <c r="H31" s="673"/>
      <c r="I31" s="673"/>
      <c r="J31" s="673"/>
      <c r="K31" s="673"/>
      <c r="L31" s="673"/>
      <c r="M31" s="673"/>
      <c r="N31" s="673"/>
      <c r="O31" s="673"/>
      <c r="P31" s="673"/>
      <c r="Q31" s="674"/>
      <c r="R31" s="659" t="s">
        <v>139</v>
      </c>
      <c r="S31" s="660"/>
      <c r="T31" s="660"/>
      <c r="U31" s="660"/>
      <c r="V31" s="660"/>
      <c r="W31" s="660"/>
      <c r="X31" s="660"/>
      <c r="Y31" s="661"/>
      <c r="Z31" s="662" t="s">
        <v>139</v>
      </c>
      <c r="AA31" s="662"/>
      <c r="AB31" s="662"/>
      <c r="AC31" s="662"/>
      <c r="AD31" s="663" t="s">
        <v>139</v>
      </c>
      <c r="AE31" s="663"/>
      <c r="AF31" s="663"/>
      <c r="AG31" s="663"/>
      <c r="AH31" s="663"/>
      <c r="AI31" s="663"/>
      <c r="AJ31" s="663"/>
      <c r="AK31" s="663"/>
      <c r="AL31" s="664" t="s">
        <v>139</v>
      </c>
      <c r="AM31" s="665"/>
      <c r="AN31" s="665"/>
      <c r="AO31" s="666"/>
      <c r="AP31" s="707" t="s">
        <v>318</v>
      </c>
      <c r="AQ31" s="708"/>
      <c r="AR31" s="708"/>
      <c r="AS31" s="708"/>
      <c r="AT31" s="713" t="s">
        <v>319</v>
      </c>
      <c r="AU31" s="214"/>
      <c r="AV31" s="214"/>
      <c r="AW31" s="214"/>
      <c r="AX31" s="645" t="s">
        <v>193</v>
      </c>
      <c r="AY31" s="646"/>
      <c r="AZ31" s="646"/>
      <c r="BA31" s="646"/>
      <c r="BB31" s="646"/>
      <c r="BC31" s="646"/>
      <c r="BD31" s="646"/>
      <c r="BE31" s="646"/>
      <c r="BF31" s="647"/>
      <c r="BG31" s="706">
        <v>99.4</v>
      </c>
      <c r="BH31" s="703"/>
      <c r="BI31" s="703"/>
      <c r="BJ31" s="703"/>
      <c r="BK31" s="703"/>
      <c r="BL31" s="703"/>
      <c r="BM31" s="654">
        <v>98.2</v>
      </c>
      <c r="BN31" s="703"/>
      <c r="BO31" s="703"/>
      <c r="BP31" s="703"/>
      <c r="BQ31" s="704"/>
      <c r="BR31" s="706">
        <v>99.3</v>
      </c>
      <c r="BS31" s="703"/>
      <c r="BT31" s="703"/>
      <c r="BU31" s="703"/>
      <c r="BV31" s="703"/>
      <c r="BW31" s="703"/>
      <c r="BX31" s="654">
        <v>97.9</v>
      </c>
      <c r="BY31" s="703"/>
      <c r="BZ31" s="703"/>
      <c r="CA31" s="703"/>
      <c r="CB31" s="704"/>
      <c r="CD31" s="699"/>
      <c r="CE31" s="700"/>
      <c r="CF31" s="656" t="s">
        <v>320</v>
      </c>
      <c r="CG31" s="657"/>
      <c r="CH31" s="657"/>
      <c r="CI31" s="657"/>
      <c r="CJ31" s="657"/>
      <c r="CK31" s="657"/>
      <c r="CL31" s="657"/>
      <c r="CM31" s="657"/>
      <c r="CN31" s="657"/>
      <c r="CO31" s="657"/>
      <c r="CP31" s="657"/>
      <c r="CQ31" s="658"/>
      <c r="CR31" s="659">
        <v>29017</v>
      </c>
      <c r="CS31" s="680"/>
      <c r="CT31" s="680"/>
      <c r="CU31" s="680"/>
      <c r="CV31" s="680"/>
      <c r="CW31" s="680"/>
      <c r="CX31" s="680"/>
      <c r="CY31" s="681"/>
      <c r="CZ31" s="664">
        <v>0.3</v>
      </c>
      <c r="DA31" s="692"/>
      <c r="DB31" s="692"/>
      <c r="DC31" s="694"/>
      <c r="DD31" s="668">
        <v>29017</v>
      </c>
      <c r="DE31" s="680"/>
      <c r="DF31" s="680"/>
      <c r="DG31" s="680"/>
      <c r="DH31" s="680"/>
      <c r="DI31" s="680"/>
      <c r="DJ31" s="680"/>
      <c r="DK31" s="681"/>
      <c r="DL31" s="668">
        <v>29017</v>
      </c>
      <c r="DM31" s="680"/>
      <c r="DN31" s="680"/>
      <c r="DO31" s="680"/>
      <c r="DP31" s="680"/>
      <c r="DQ31" s="680"/>
      <c r="DR31" s="680"/>
      <c r="DS31" s="680"/>
      <c r="DT31" s="680"/>
      <c r="DU31" s="680"/>
      <c r="DV31" s="681"/>
      <c r="DW31" s="664">
        <v>0.5</v>
      </c>
      <c r="DX31" s="692"/>
      <c r="DY31" s="692"/>
      <c r="DZ31" s="692"/>
      <c r="EA31" s="692"/>
      <c r="EB31" s="692"/>
      <c r="EC31" s="693"/>
    </row>
    <row r="32" spans="2:133" ht="11.25" customHeight="1" x14ac:dyDescent="0.2">
      <c r="B32" s="656" t="s">
        <v>321</v>
      </c>
      <c r="C32" s="657"/>
      <c r="D32" s="657"/>
      <c r="E32" s="657"/>
      <c r="F32" s="657"/>
      <c r="G32" s="657"/>
      <c r="H32" s="657"/>
      <c r="I32" s="657"/>
      <c r="J32" s="657"/>
      <c r="K32" s="657"/>
      <c r="L32" s="657"/>
      <c r="M32" s="657"/>
      <c r="N32" s="657"/>
      <c r="O32" s="657"/>
      <c r="P32" s="657"/>
      <c r="Q32" s="658"/>
      <c r="R32" s="659">
        <v>700628</v>
      </c>
      <c r="S32" s="660"/>
      <c r="T32" s="660"/>
      <c r="U32" s="660"/>
      <c r="V32" s="660"/>
      <c r="W32" s="660"/>
      <c r="X32" s="660"/>
      <c r="Y32" s="661"/>
      <c r="Z32" s="662">
        <v>6.9</v>
      </c>
      <c r="AA32" s="662"/>
      <c r="AB32" s="662"/>
      <c r="AC32" s="662"/>
      <c r="AD32" s="663" t="s">
        <v>139</v>
      </c>
      <c r="AE32" s="663"/>
      <c r="AF32" s="663"/>
      <c r="AG32" s="663"/>
      <c r="AH32" s="663"/>
      <c r="AI32" s="663"/>
      <c r="AJ32" s="663"/>
      <c r="AK32" s="663"/>
      <c r="AL32" s="664" t="s">
        <v>139</v>
      </c>
      <c r="AM32" s="665"/>
      <c r="AN32" s="665"/>
      <c r="AO32" s="666"/>
      <c r="AP32" s="709"/>
      <c r="AQ32" s="710"/>
      <c r="AR32" s="710"/>
      <c r="AS32" s="710"/>
      <c r="AT32" s="714"/>
      <c r="AU32" s="210" t="s">
        <v>322</v>
      </c>
      <c r="AX32" s="656" t="s">
        <v>323</v>
      </c>
      <c r="AY32" s="657"/>
      <c r="AZ32" s="657"/>
      <c r="BA32" s="657"/>
      <c r="BB32" s="657"/>
      <c r="BC32" s="657"/>
      <c r="BD32" s="657"/>
      <c r="BE32" s="657"/>
      <c r="BF32" s="658"/>
      <c r="BG32" s="716">
        <v>99.4</v>
      </c>
      <c r="BH32" s="680"/>
      <c r="BI32" s="680"/>
      <c r="BJ32" s="680"/>
      <c r="BK32" s="680"/>
      <c r="BL32" s="680"/>
      <c r="BM32" s="665">
        <v>97.9</v>
      </c>
      <c r="BN32" s="680"/>
      <c r="BO32" s="680"/>
      <c r="BP32" s="680"/>
      <c r="BQ32" s="705"/>
      <c r="BR32" s="716">
        <v>99.3</v>
      </c>
      <c r="BS32" s="680"/>
      <c r="BT32" s="680"/>
      <c r="BU32" s="680"/>
      <c r="BV32" s="680"/>
      <c r="BW32" s="680"/>
      <c r="BX32" s="665">
        <v>97.5</v>
      </c>
      <c r="BY32" s="680"/>
      <c r="BZ32" s="680"/>
      <c r="CA32" s="680"/>
      <c r="CB32" s="705"/>
      <c r="CD32" s="701"/>
      <c r="CE32" s="702"/>
      <c r="CF32" s="656" t="s">
        <v>324</v>
      </c>
      <c r="CG32" s="657"/>
      <c r="CH32" s="657"/>
      <c r="CI32" s="657"/>
      <c r="CJ32" s="657"/>
      <c r="CK32" s="657"/>
      <c r="CL32" s="657"/>
      <c r="CM32" s="657"/>
      <c r="CN32" s="657"/>
      <c r="CO32" s="657"/>
      <c r="CP32" s="657"/>
      <c r="CQ32" s="658"/>
      <c r="CR32" s="659" t="s">
        <v>139</v>
      </c>
      <c r="CS32" s="660"/>
      <c r="CT32" s="660"/>
      <c r="CU32" s="660"/>
      <c r="CV32" s="660"/>
      <c r="CW32" s="660"/>
      <c r="CX32" s="660"/>
      <c r="CY32" s="661"/>
      <c r="CZ32" s="664" t="s">
        <v>139</v>
      </c>
      <c r="DA32" s="692"/>
      <c r="DB32" s="692"/>
      <c r="DC32" s="694"/>
      <c r="DD32" s="668" t="s">
        <v>139</v>
      </c>
      <c r="DE32" s="660"/>
      <c r="DF32" s="660"/>
      <c r="DG32" s="660"/>
      <c r="DH32" s="660"/>
      <c r="DI32" s="660"/>
      <c r="DJ32" s="660"/>
      <c r="DK32" s="661"/>
      <c r="DL32" s="668" t="s">
        <v>139</v>
      </c>
      <c r="DM32" s="660"/>
      <c r="DN32" s="660"/>
      <c r="DO32" s="660"/>
      <c r="DP32" s="660"/>
      <c r="DQ32" s="660"/>
      <c r="DR32" s="660"/>
      <c r="DS32" s="660"/>
      <c r="DT32" s="660"/>
      <c r="DU32" s="660"/>
      <c r="DV32" s="661"/>
      <c r="DW32" s="664" t="s">
        <v>139</v>
      </c>
      <c r="DX32" s="692"/>
      <c r="DY32" s="692"/>
      <c r="DZ32" s="692"/>
      <c r="EA32" s="692"/>
      <c r="EB32" s="692"/>
      <c r="EC32" s="693"/>
    </row>
    <row r="33" spans="2:133" ht="11.25" customHeight="1" x14ac:dyDescent="0.2">
      <c r="B33" s="656" t="s">
        <v>325</v>
      </c>
      <c r="C33" s="657"/>
      <c r="D33" s="657"/>
      <c r="E33" s="657"/>
      <c r="F33" s="657"/>
      <c r="G33" s="657"/>
      <c r="H33" s="657"/>
      <c r="I33" s="657"/>
      <c r="J33" s="657"/>
      <c r="K33" s="657"/>
      <c r="L33" s="657"/>
      <c r="M33" s="657"/>
      <c r="N33" s="657"/>
      <c r="O33" s="657"/>
      <c r="P33" s="657"/>
      <c r="Q33" s="658"/>
      <c r="R33" s="659">
        <v>18719</v>
      </c>
      <c r="S33" s="660"/>
      <c r="T33" s="660"/>
      <c r="U33" s="660"/>
      <c r="V33" s="660"/>
      <c r="W33" s="660"/>
      <c r="X33" s="660"/>
      <c r="Y33" s="661"/>
      <c r="Z33" s="662">
        <v>0.2</v>
      </c>
      <c r="AA33" s="662"/>
      <c r="AB33" s="662"/>
      <c r="AC33" s="662"/>
      <c r="AD33" s="663" t="s">
        <v>139</v>
      </c>
      <c r="AE33" s="663"/>
      <c r="AF33" s="663"/>
      <c r="AG33" s="663"/>
      <c r="AH33" s="663"/>
      <c r="AI33" s="663"/>
      <c r="AJ33" s="663"/>
      <c r="AK33" s="663"/>
      <c r="AL33" s="664" t="s">
        <v>139</v>
      </c>
      <c r="AM33" s="665"/>
      <c r="AN33" s="665"/>
      <c r="AO33" s="666"/>
      <c r="AP33" s="711"/>
      <c r="AQ33" s="712"/>
      <c r="AR33" s="712"/>
      <c r="AS33" s="712"/>
      <c r="AT33" s="715"/>
      <c r="AU33" s="215"/>
      <c r="AV33" s="215"/>
      <c r="AW33" s="215"/>
      <c r="AX33" s="682" t="s">
        <v>326</v>
      </c>
      <c r="AY33" s="683"/>
      <c r="AZ33" s="683"/>
      <c r="BA33" s="683"/>
      <c r="BB33" s="683"/>
      <c r="BC33" s="683"/>
      <c r="BD33" s="683"/>
      <c r="BE33" s="683"/>
      <c r="BF33" s="684"/>
      <c r="BG33" s="717">
        <v>99.4</v>
      </c>
      <c r="BH33" s="718"/>
      <c r="BI33" s="718"/>
      <c r="BJ33" s="718"/>
      <c r="BK33" s="718"/>
      <c r="BL33" s="718"/>
      <c r="BM33" s="719">
        <v>98.5</v>
      </c>
      <c r="BN33" s="718"/>
      <c r="BO33" s="718"/>
      <c r="BP33" s="718"/>
      <c r="BQ33" s="720"/>
      <c r="BR33" s="717">
        <v>99.4</v>
      </c>
      <c r="BS33" s="718"/>
      <c r="BT33" s="718"/>
      <c r="BU33" s="718"/>
      <c r="BV33" s="718"/>
      <c r="BW33" s="718"/>
      <c r="BX33" s="719">
        <v>98.4</v>
      </c>
      <c r="BY33" s="718"/>
      <c r="BZ33" s="718"/>
      <c r="CA33" s="718"/>
      <c r="CB33" s="720"/>
      <c r="CD33" s="656" t="s">
        <v>327</v>
      </c>
      <c r="CE33" s="657"/>
      <c r="CF33" s="657"/>
      <c r="CG33" s="657"/>
      <c r="CH33" s="657"/>
      <c r="CI33" s="657"/>
      <c r="CJ33" s="657"/>
      <c r="CK33" s="657"/>
      <c r="CL33" s="657"/>
      <c r="CM33" s="657"/>
      <c r="CN33" s="657"/>
      <c r="CO33" s="657"/>
      <c r="CP33" s="657"/>
      <c r="CQ33" s="658"/>
      <c r="CR33" s="659">
        <v>4515449</v>
      </c>
      <c r="CS33" s="680"/>
      <c r="CT33" s="680"/>
      <c r="CU33" s="680"/>
      <c r="CV33" s="680"/>
      <c r="CW33" s="680"/>
      <c r="CX33" s="680"/>
      <c r="CY33" s="681"/>
      <c r="CZ33" s="664">
        <v>47.1</v>
      </c>
      <c r="DA33" s="692"/>
      <c r="DB33" s="692"/>
      <c r="DC33" s="694"/>
      <c r="DD33" s="668">
        <v>3554183</v>
      </c>
      <c r="DE33" s="680"/>
      <c r="DF33" s="680"/>
      <c r="DG33" s="680"/>
      <c r="DH33" s="680"/>
      <c r="DI33" s="680"/>
      <c r="DJ33" s="680"/>
      <c r="DK33" s="681"/>
      <c r="DL33" s="668">
        <v>2865141</v>
      </c>
      <c r="DM33" s="680"/>
      <c r="DN33" s="680"/>
      <c r="DO33" s="680"/>
      <c r="DP33" s="680"/>
      <c r="DQ33" s="680"/>
      <c r="DR33" s="680"/>
      <c r="DS33" s="680"/>
      <c r="DT33" s="680"/>
      <c r="DU33" s="680"/>
      <c r="DV33" s="681"/>
      <c r="DW33" s="664">
        <v>45.9</v>
      </c>
      <c r="DX33" s="692"/>
      <c r="DY33" s="692"/>
      <c r="DZ33" s="692"/>
      <c r="EA33" s="692"/>
      <c r="EB33" s="692"/>
      <c r="EC33" s="693"/>
    </row>
    <row r="34" spans="2:133" ht="11.25" customHeight="1" x14ac:dyDescent="0.2">
      <c r="B34" s="656" t="s">
        <v>328</v>
      </c>
      <c r="C34" s="657"/>
      <c r="D34" s="657"/>
      <c r="E34" s="657"/>
      <c r="F34" s="657"/>
      <c r="G34" s="657"/>
      <c r="H34" s="657"/>
      <c r="I34" s="657"/>
      <c r="J34" s="657"/>
      <c r="K34" s="657"/>
      <c r="L34" s="657"/>
      <c r="M34" s="657"/>
      <c r="N34" s="657"/>
      <c r="O34" s="657"/>
      <c r="P34" s="657"/>
      <c r="Q34" s="658"/>
      <c r="R34" s="659">
        <v>4818</v>
      </c>
      <c r="S34" s="660"/>
      <c r="T34" s="660"/>
      <c r="U34" s="660"/>
      <c r="V34" s="660"/>
      <c r="W34" s="660"/>
      <c r="X34" s="660"/>
      <c r="Y34" s="661"/>
      <c r="Z34" s="662">
        <v>0</v>
      </c>
      <c r="AA34" s="662"/>
      <c r="AB34" s="662"/>
      <c r="AC34" s="662"/>
      <c r="AD34" s="663" t="s">
        <v>139</v>
      </c>
      <c r="AE34" s="663"/>
      <c r="AF34" s="663"/>
      <c r="AG34" s="663"/>
      <c r="AH34" s="663"/>
      <c r="AI34" s="663"/>
      <c r="AJ34" s="663"/>
      <c r="AK34" s="663"/>
      <c r="AL34" s="664" t="s">
        <v>139</v>
      </c>
      <c r="AM34" s="665"/>
      <c r="AN34" s="665"/>
      <c r="AO34" s="666"/>
      <c r="AP34" s="216"/>
      <c r="AQ34" s="217"/>
      <c r="AS34" s="214"/>
      <c r="AT34" s="214"/>
      <c r="AU34" s="214"/>
      <c r="AV34" s="214"/>
      <c r="AW34" s="214"/>
      <c r="AX34" s="214"/>
      <c r="AY34" s="214"/>
      <c r="AZ34" s="214"/>
      <c r="BA34" s="214"/>
      <c r="BB34" s="214"/>
      <c r="BC34" s="214"/>
      <c r="BD34" s="214"/>
      <c r="BE34" s="214"/>
      <c r="BF34" s="214"/>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56" t="s">
        <v>329</v>
      </c>
      <c r="CE34" s="657"/>
      <c r="CF34" s="657"/>
      <c r="CG34" s="657"/>
      <c r="CH34" s="657"/>
      <c r="CI34" s="657"/>
      <c r="CJ34" s="657"/>
      <c r="CK34" s="657"/>
      <c r="CL34" s="657"/>
      <c r="CM34" s="657"/>
      <c r="CN34" s="657"/>
      <c r="CO34" s="657"/>
      <c r="CP34" s="657"/>
      <c r="CQ34" s="658"/>
      <c r="CR34" s="659">
        <v>1828132</v>
      </c>
      <c r="CS34" s="660"/>
      <c r="CT34" s="660"/>
      <c r="CU34" s="660"/>
      <c r="CV34" s="660"/>
      <c r="CW34" s="660"/>
      <c r="CX34" s="660"/>
      <c r="CY34" s="661"/>
      <c r="CZ34" s="664">
        <v>19.100000000000001</v>
      </c>
      <c r="DA34" s="692"/>
      <c r="DB34" s="692"/>
      <c r="DC34" s="694"/>
      <c r="DD34" s="668">
        <v>1315672</v>
      </c>
      <c r="DE34" s="660"/>
      <c r="DF34" s="660"/>
      <c r="DG34" s="660"/>
      <c r="DH34" s="660"/>
      <c r="DI34" s="660"/>
      <c r="DJ34" s="660"/>
      <c r="DK34" s="661"/>
      <c r="DL34" s="668">
        <v>1240828</v>
      </c>
      <c r="DM34" s="660"/>
      <c r="DN34" s="660"/>
      <c r="DO34" s="660"/>
      <c r="DP34" s="660"/>
      <c r="DQ34" s="660"/>
      <c r="DR34" s="660"/>
      <c r="DS34" s="660"/>
      <c r="DT34" s="660"/>
      <c r="DU34" s="660"/>
      <c r="DV34" s="661"/>
      <c r="DW34" s="664">
        <v>19.899999999999999</v>
      </c>
      <c r="DX34" s="692"/>
      <c r="DY34" s="692"/>
      <c r="DZ34" s="692"/>
      <c r="EA34" s="692"/>
      <c r="EB34" s="692"/>
      <c r="EC34" s="693"/>
    </row>
    <row r="35" spans="2:133" ht="11.25" customHeight="1" x14ac:dyDescent="0.2">
      <c r="B35" s="656" t="s">
        <v>330</v>
      </c>
      <c r="C35" s="657"/>
      <c r="D35" s="657"/>
      <c r="E35" s="657"/>
      <c r="F35" s="657"/>
      <c r="G35" s="657"/>
      <c r="H35" s="657"/>
      <c r="I35" s="657"/>
      <c r="J35" s="657"/>
      <c r="K35" s="657"/>
      <c r="L35" s="657"/>
      <c r="M35" s="657"/>
      <c r="N35" s="657"/>
      <c r="O35" s="657"/>
      <c r="P35" s="657"/>
      <c r="Q35" s="658"/>
      <c r="R35" s="659">
        <v>297617</v>
      </c>
      <c r="S35" s="660"/>
      <c r="T35" s="660"/>
      <c r="U35" s="660"/>
      <c r="V35" s="660"/>
      <c r="W35" s="660"/>
      <c r="X35" s="660"/>
      <c r="Y35" s="661"/>
      <c r="Z35" s="662">
        <v>2.9</v>
      </c>
      <c r="AA35" s="662"/>
      <c r="AB35" s="662"/>
      <c r="AC35" s="662"/>
      <c r="AD35" s="663" t="s">
        <v>139</v>
      </c>
      <c r="AE35" s="663"/>
      <c r="AF35" s="663"/>
      <c r="AG35" s="663"/>
      <c r="AH35" s="663"/>
      <c r="AI35" s="663"/>
      <c r="AJ35" s="663"/>
      <c r="AK35" s="663"/>
      <c r="AL35" s="664" t="s">
        <v>139</v>
      </c>
      <c r="AM35" s="665"/>
      <c r="AN35" s="665"/>
      <c r="AO35" s="666"/>
      <c r="AP35" s="218"/>
      <c r="AQ35" s="641" t="s">
        <v>331</v>
      </c>
      <c r="AR35" s="642"/>
      <c r="AS35" s="642"/>
      <c r="AT35" s="642"/>
      <c r="AU35" s="642"/>
      <c r="AV35" s="642"/>
      <c r="AW35" s="642"/>
      <c r="AX35" s="642"/>
      <c r="AY35" s="642"/>
      <c r="AZ35" s="642"/>
      <c r="BA35" s="642"/>
      <c r="BB35" s="642"/>
      <c r="BC35" s="642"/>
      <c r="BD35" s="642"/>
      <c r="BE35" s="642"/>
      <c r="BF35" s="643"/>
      <c r="BG35" s="641" t="s">
        <v>332</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33</v>
      </c>
      <c r="CE35" s="657"/>
      <c r="CF35" s="657"/>
      <c r="CG35" s="657"/>
      <c r="CH35" s="657"/>
      <c r="CI35" s="657"/>
      <c r="CJ35" s="657"/>
      <c r="CK35" s="657"/>
      <c r="CL35" s="657"/>
      <c r="CM35" s="657"/>
      <c r="CN35" s="657"/>
      <c r="CO35" s="657"/>
      <c r="CP35" s="657"/>
      <c r="CQ35" s="658"/>
      <c r="CR35" s="659">
        <v>132906</v>
      </c>
      <c r="CS35" s="680"/>
      <c r="CT35" s="680"/>
      <c r="CU35" s="680"/>
      <c r="CV35" s="680"/>
      <c r="CW35" s="680"/>
      <c r="CX35" s="680"/>
      <c r="CY35" s="681"/>
      <c r="CZ35" s="664">
        <v>1.4</v>
      </c>
      <c r="DA35" s="692"/>
      <c r="DB35" s="692"/>
      <c r="DC35" s="694"/>
      <c r="DD35" s="668">
        <v>92139</v>
      </c>
      <c r="DE35" s="680"/>
      <c r="DF35" s="680"/>
      <c r="DG35" s="680"/>
      <c r="DH35" s="680"/>
      <c r="DI35" s="680"/>
      <c r="DJ35" s="680"/>
      <c r="DK35" s="681"/>
      <c r="DL35" s="668">
        <v>91911</v>
      </c>
      <c r="DM35" s="680"/>
      <c r="DN35" s="680"/>
      <c r="DO35" s="680"/>
      <c r="DP35" s="680"/>
      <c r="DQ35" s="680"/>
      <c r="DR35" s="680"/>
      <c r="DS35" s="680"/>
      <c r="DT35" s="680"/>
      <c r="DU35" s="680"/>
      <c r="DV35" s="681"/>
      <c r="DW35" s="664">
        <v>1.5</v>
      </c>
      <c r="DX35" s="692"/>
      <c r="DY35" s="692"/>
      <c r="DZ35" s="692"/>
      <c r="EA35" s="692"/>
      <c r="EB35" s="692"/>
      <c r="EC35" s="693"/>
    </row>
    <row r="36" spans="2:133" ht="11.25" customHeight="1" x14ac:dyDescent="0.2">
      <c r="B36" s="656" t="s">
        <v>334</v>
      </c>
      <c r="C36" s="657"/>
      <c r="D36" s="657"/>
      <c r="E36" s="657"/>
      <c r="F36" s="657"/>
      <c r="G36" s="657"/>
      <c r="H36" s="657"/>
      <c r="I36" s="657"/>
      <c r="J36" s="657"/>
      <c r="K36" s="657"/>
      <c r="L36" s="657"/>
      <c r="M36" s="657"/>
      <c r="N36" s="657"/>
      <c r="O36" s="657"/>
      <c r="P36" s="657"/>
      <c r="Q36" s="658"/>
      <c r="R36" s="659">
        <v>564721</v>
      </c>
      <c r="S36" s="660"/>
      <c r="T36" s="660"/>
      <c r="U36" s="660"/>
      <c r="V36" s="660"/>
      <c r="W36" s="660"/>
      <c r="X36" s="660"/>
      <c r="Y36" s="661"/>
      <c r="Z36" s="662">
        <v>5.6</v>
      </c>
      <c r="AA36" s="662"/>
      <c r="AB36" s="662"/>
      <c r="AC36" s="662"/>
      <c r="AD36" s="663" t="s">
        <v>139</v>
      </c>
      <c r="AE36" s="663"/>
      <c r="AF36" s="663"/>
      <c r="AG36" s="663"/>
      <c r="AH36" s="663"/>
      <c r="AI36" s="663"/>
      <c r="AJ36" s="663"/>
      <c r="AK36" s="663"/>
      <c r="AL36" s="664" t="s">
        <v>139</v>
      </c>
      <c r="AM36" s="665"/>
      <c r="AN36" s="665"/>
      <c r="AO36" s="666"/>
      <c r="AP36" s="218"/>
      <c r="AQ36" s="725" t="s">
        <v>335</v>
      </c>
      <c r="AR36" s="726"/>
      <c r="AS36" s="726"/>
      <c r="AT36" s="726"/>
      <c r="AU36" s="726"/>
      <c r="AV36" s="726"/>
      <c r="AW36" s="726"/>
      <c r="AX36" s="726"/>
      <c r="AY36" s="727"/>
      <c r="AZ36" s="648">
        <v>1333459</v>
      </c>
      <c r="BA36" s="649"/>
      <c r="BB36" s="649"/>
      <c r="BC36" s="649"/>
      <c r="BD36" s="649"/>
      <c r="BE36" s="649"/>
      <c r="BF36" s="721"/>
      <c r="BG36" s="645" t="s">
        <v>336</v>
      </c>
      <c r="BH36" s="646"/>
      <c r="BI36" s="646"/>
      <c r="BJ36" s="646"/>
      <c r="BK36" s="646"/>
      <c r="BL36" s="646"/>
      <c r="BM36" s="646"/>
      <c r="BN36" s="646"/>
      <c r="BO36" s="646"/>
      <c r="BP36" s="646"/>
      <c r="BQ36" s="646"/>
      <c r="BR36" s="646"/>
      <c r="BS36" s="646"/>
      <c r="BT36" s="646"/>
      <c r="BU36" s="647"/>
      <c r="BV36" s="648">
        <v>56324</v>
      </c>
      <c r="BW36" s="649"/>
      <c r="BX36" s="649"/>
      <c r="BY36" s="649"/>
      <c r="BZ36" s="649"/>
      <c r="CA36" s="649"/>
      <c r="CB36" s="721"/>
      <c r="CD36" s="656" t="s">
        <v>337</v>
      </c>
      <c r="CE36" s="657"/>
      <c r="CF36" s="657"/>
      <c r="CG36" s="657"/>
      <c r="CH36" s="657"/>
      <c r="CI36" s="657"/>
      <c r="CJ36" s="657"/>
      <c r="CK36" s="657"/>
      <c r="CL36" s="657"/>
      <c r="CM36" s="657"/>
      <c r="CN36" s="657"/>
      <c r="CO36" s="657"/>
      <c r="CP36" s="657"/>
      <c r="CQ36" s="658"/>
      <c r="CR36" s="659">
        <v>783800</v>
      </c>
      <c r="CS36" s="660"/>
      <c r="CT36" s="660"/>
      <c r="CU36" s="660"/>
      <c r="CV36" s="660"/>
      <c r="CW36" s="660"/>
      <c r="CX36" s="660"/>
      <c r="CY36" s="661"/>
      <c r="CZ36" s="664">
        <v>8.1999999999999993</v>
      </c>
      <c r="DA36" s="692"/>
      <c r="DB36" s="692"/>
      <c r="DC36" s="694"/>
      <c r="DD36" s="668">
        <v>584104</v>
      </c>
      <c r="DE36" s="660"/>
      <c r="DF36" s="660"/>
      <c r="DG36" s="660"/>
      <c r="DH36" s="660"/>
      <c r="DI36" s="660"/>
      <c r="DJ36" s="660"/>
      <c r="DK36" s="661"/>
      <c r="DL36" s="668">
        <v>394789</v>
      </c>
      <c r="DM36" s="660"/>
      <c r="DN36" s="660"/>
      <c r="DO36" s="660"/>
      <c r="DP36" s="660"/>
      <c r="DQ36" s="660"/>
      <c r="DR36" s="660"/>
      <c r="DS36" s="660"/>
      <c r="DT36" s="660"/>
      <c r="DU36" s="660"/>
      <c r="DV36" s="661"/>
      <c r="DW36" s="664">
        <v>6.3</v>
      </c>
      <c r="DX36" s="692"/>
      <c r="DY36" s="692"/>
      <c r="DZ36" s="692"/>
      <c r="EA36" s="692"/>
      <c r="EB36" s="692"/>
      <c r="EC36" s="693"/>
    </row>
    <row r="37" spans="2:133" ht="11.25" customHeight="1" x14ac:dyDescent="0.2">
      <c r="B37" s="656" t="s">
        <v>338</v>
      </c>
      <c r="C37" s="657"/>
      <c r="D37" s="657"/>
      <c r="E37" s="657"/>
      <c r="F37" s="657"/>
      <c r="G37" s="657"/>
      <c r="H37" s="657"/>
      <c r="I37" s="657"/>
      <c r="J37" s="657"/>
      <c r="K37" s="657"/>
      <c r="L37" s="657"/>
      <c r="M37" s="657"/>
      <c r="N37" s="657"/>
      <c r="O37" s="657"/>
      <c r="P37" s="657"/>
      <c r="Q37" s="658"/>
      <c r="R37" s="659">
        <v>77125</v>
      </c>
      <c r="S37" s="660"/>
      <c r="T37" s="660"/>
      <c r="U37" s="660"/>
      <c r="V37" s="660"/>
      <c r="W37" s="660"/>
      <c r="X37" s="660"/>
      <c r="Y37" s="661"/>
      <c r="Z37" s="662">
        <v>0.8</v>
      </c>
      <c r="AA37" s="662"/>
      <c r="AB37" s="662"/>
      <c r="AC37" s="662"/>
      <c r="AD37" s="663">
        <v>2</v>
      </c>
      <c r="AE37" s="663"/>
      <c r="AF37" s="663"/>
      <c r="AG37" s="663"/>
      <c r="AH37" s="663"/>
      <c r="AI37" s="663"/>
      <c r="AJ37" s="663"/>
      <c r="AK37" s="663"/>
      <c r="AL37" s="664">
        <v>0</v>
      </c>
      <c r="AM37" s="665"/>
      <c r="AN37" s="665"/>
      <c r="AO37" s="666"/>
      <c r="AQ37" s="722" t="s">
        <v>339</v>
      </c>
      <c r="AR37" s="723"/>
      <c r="AS37" s="723"/>
      <c r="AT37" s="723"/>
      <c r="AU37" s="723"/>
      <c r="AV37" s="723"/>
      <c r="AW37" s="723"/>
      <c r="AX37" s="723"/>
      <c r="AY37" s="724"/>
      <c r="AZ37" s="659">
        <v>317149</v>
      </c>
      <c r="BA37" s="660"/>
      <c r="BB37" s="660"/>
      <c r="BC37" s="660"/>
      <c r="BD37" s="680"/>
      <c r="BE37" s="680"/>
      <c r="BF37" s="705"/>
      <c r="BG37" s="656" t="s">
        <v>340</v>
      </c>
      <c r="BH37" s="657"/>
      <c r="BI37" s="657"/>
      <c r="BJ37" s="657"/>
      <c r="BK37" s="657"/>
      <c r="BL37" s="657"/>
      <c r="BM37" s="657"/>
      <c r="BN37" s="657"/>
      <c r="BO37" s="657"/>
      <c r="BP37" s="657"/>
      <c r="BQ37" s="657"/>
      <c r="BR37" s="657"/>
      <c r="BS37" s="657"/>
      <c r="BT37" s="657"/>
      <c r="BU37" s="658"/>
      <c r="BV37" s="659">
        <v>32987</v>
      </c>
      <c r="BW37" s="660"/>
      <c r="BX37" s="660"/>
      <c r="BY37" s="660"/>
      <c r="BZ37" s="660"/>
      <c r="CA37" s="660"/>
      <c r="CB37" s="669"/>
      <c r="CD37" s="656" t="s">
        <v>341</v>
      </c>
      <c r="CE37" s="657"/>
      <c r="CF37" s="657"/>
      <c r="CG37" s="657"/>
      <c r="CH37" s="657"/>
      <c r="CI37" s="657"/>
      <c r="CJ37" s="657"/>
      <c r="CK37" s="657"/>
      <c r="CL37" s="657"/>
      <c r="CM37" s="657"/>
      <c r="CN37" s="657"/>
      <c r="CO37" s="657"/>
      <c r="CP37" s="657"/>
      <c r="CQ37" s="658"/>
      <c r="CR37" s="659">
        <v>78796</v>
      </c>
      <c r="CS37" s="680"/>
      <c r="CT37" s="680"/>
      <c r="CU37" s="680"/>
      <c r="CV37" s="680"/>
      <c r="CW37" s="680"/>
      <c r="CX37" s="680"/>
      <c r="CY37" s="681"/>
      <c r="CZ37" s="664">
        <v>0.8</v>
      </c>
      <c r="DA37" s="692"/>
      <c r="DB37" s="692"/>
      <c r="DC37" s="694"/>
      <c r="DD37" s="668">
        <v>59371</v>
      </c>
      <c r="DE37" s="680"/>
      <c r="DF37" s="680"/>
      <c r="DG37" s="680"/>
      <c r="DH37" s="680"/>
      <c r="DI37" s="680"/>
      <c r="DJ37" s="680"/>
      <c r="DK37" s="681"/>
      <c r="DL37" s="668">
        <v>40889</v>
      </c>
      <c r="DM37" s="680"/>
      <c r="DN37" s="680"/>
      <c r="DO37" s="680"/>
      <c r="DP37" s="680"/>
      <c r="DQ37" s="680"/>
      <c r="DR37" s="680"/>
      <c r="DS37" s="680"/>
      <c r="DT37" s="680"/>
      <c r="DU37" s="680"/>
      <c r="DV37" s="681"/>
      <c r="DW37" s="664">
        <v>0.7</v>
      </c>
      <c r="DX37" s="692"/>
      <c r="DY37" s="692"/>
      <c r="DZ37" s="692"/>
      <c r="EA37" s="692"/>
      <c r="EB37" s="692"/>
      <c r="EC37" s="693"/>
    </row>
    <row r="38" spans="2:133" ht="11.25" customHeight="1" x14ac:dyDescent="0.2">
      <c r="B38" s="656" t="s">
        <v>342</v>
      </c>
      <c r="C38" s="657"/>
      <c r="D38" s="657"/>
      <c r="E38" s="657"/>
      <c r="F38" s="657"/>
      <c r="G38" s="657"/>
      <c r="H38" s="657"/>
      <c r="I38" s="657"/>
      <c r="J38" s="657"/>
      <c r="K38" s="657"/>
      <c r="L38" s="657"/>
      <c r="M38" s="657"/>
      <c r="N38" s="657"/>
      <c r="O38" s="657"/>
      <c r="P38" s="657"/>
      <c r="Q38" s="658"/>
      <c r="R38" s="659">
        <v>303400</v>
      </c>
      <c r="S38" s="660"/>
      <c r="T38" s="660"/>
      <c r="U38" s="660"/>
      <c r="V38" s="660"/>
      <c r="W38" s="660"/>
      <c r="X38" s="660"/>
      <c r="Y38" s="661"/>
      <c r="Z38" s="662">
        <v>3</v>
      </c>
      <c r="AA38" s="662"/>
      <c r="AB38" s="662"/>
      <c r="AC38" s="662"/>
      <c r="AD38" s="663" t="s">
        <v>139</v>
      </c>
      <c r="AE38" s="663"/>
      <c r="AF38" s="663"/>
      <c r="AG38" s="663"/>
      <c r="AH38" s="663"/>
      <c r="AI38" s="663"/>
      <c r="AJ38" s="663"/>
      <c r="AK38" s="663"/>
      <c r="AL38" s="664" t="s">
        <v>139</v>
      </c>
      <c r="AM38" s="665"/>
      <c r="AN38" s="665"/>
      <c r="AO38" s="666"/>
      <c r="AQ38" s="722" t="s">
        <v>343</v>
      </c>
      <c r="AR38" s="723"/>
      <c r="AS38" s="723"/>
      <c r="AT38" s="723"/>
      <c r="AU38" s="723"/>
      <c r="AV38" s="723"/>
      <c r="AW38" s="723"/>
      <c r="AX38" s="723"/>
      <c r="AY38" s="724"/>
      <c r="AZ38" s="659" t="s">
        <v>139</v>
      </c>
      <c r="BA38" s="660"/>
      <c r="BB38" s="660"/>
      <c r="BC38" s="660"/>
      <c r="BD38" s="680"/>
      <c r="BE38" s="680"/>
      <c r="BF38" s="705"/>
      <c r="BG38" s="656" t="s">
        <v>344</v>
      </c>
      <c r="BH38" s="657"/>
      <c r="BI38" s="657"/>
      <c r="BJ38" s="657"/>
      <c r="BK38" s="657"/>
      <c r="BL38" s="657"/>
      <c r="BM38" s="657"/>
      <c r="BN38" s="657"/>
      <c r="BO38" s="657"/>
      <c r="BP38" s="657"/>
      <c r="BQ38" s="657"/>
      <c r="BR38" s="657"/>
      <c r="BS38" s="657"/>
      <c r="BT38" s="657"/>
      <c r="BU38" s="658"/>
      <c r="BV38" s="659">
        <v>3860</v>
      </c>
      <c r="BW38" s="660"/>
      <c r="BX38" s="660"/>
      <c r="BY38" s="660"/>
      <c r="BZ38" s="660"/>
      <c r="CA38" s="660"/>
      <c r="CB38" s="669"/>
      <c r="CD38" s="656" t="s">
        <v>345</v>
      </c>
      <c r="CE38" s="657"/>
      <c r="CF38" s="657"/>
      <c r="CG38" s="657"/>
      <c r="CH38" s="657"/>
      <c r="CI38" s="657"/>
      <c r="CJ38" s="657"/>
      <c r="CK38" s="657"/>
      <c r="CL38" s="657"/>
      <c r="CM38" s="657"/>
      <c r="CN38" s="657"/>
      <c r="CO38" s="657"/>
      <c r="CP38" s="657"/>
      <c r="CQ38" s="658"/>
      <c r="CR38" s="659">
        <v>1333459</v>
      </c>
      <c r="CS38" s="660"/>
      <c r="CT38" s="660"/>
      <c r="CU38" s="660"/>
      <c r="CV38" s="660"/>
      <c r="CW38" s="660"/>
      <c r="CX38" s="660"/>
      <c r="CY38" s="661"/>
      <c r="CZ38" s="664">
        <v>13.9</v>
      </c>
      <c r="DA38" s="692"/>
      <c r="DB38" s="692"/>
      <c r="DC38" s="694"/>
      <c r="DD38" s="668">
        <v>1153282</v>
      </c>
      <c r="DE38" s="660"/>
      <c r="DF38" s="660"/>
      <c r="DG38" s="660"/>
      <c r="DH38" s="660"/>
      <c r="DI38" s="660"/>
      <c r="DJ38" s="660"/>
      <c r="DK38" s="661"/>
      <c r="DL38" s="668">
        <v>1137613</v>
      </c>
      <c r="DM38" s="660"/>
      <c r="DN38" s="660"/>
      <c r="DO38" s="660"/>
      <c r="DP38" s="660"/>
      <c r="DQ38" s="660"/>
      <c r="DR38" s="660"/>
      <c r="DS38" s="660"/>
      <c r="DT38" s="660"/>
      <c r="DU38" s="660"/>
      <c r="DV38" s="661"/>
      <c r="DW38" s="664">
        <v>18.2</v>
      </c>
      <c r="DX38" s="692"/>
      <c r="DY38" s="692"/>
      <c r="DZ38" s="692"/>
      <c r="EA38" s="692"/>
      <c r="EB38" s="692"/>
      <c r="EC38" s="693"/>
    </row>
    <row r="39" spans="2:133" ht="11.25" customHeight="1" x14ac:dyDescent="0.2">
      <c r="B39" s="656" t="s">
        <v>346</v>
      </c>
      <c r="C39" s="657"/>
      <c r="D39" s="657"/>
      <c r="E39" s="657"/>
      <c r="F39" s="657"/>
      <c r="G39" s="657"/>
      <c r="H39" s="657"/>
      <c r="I39" s="657"/>
      <c r="J39" s="657"/>
      <c r="K39" s="657"/>
      <c r="L39" s="657"/>
      <c r="M39" s="657"/>
      <c r="N39" s="657"/>
      <c r="O39" s="657"/>
      <c r="P39" s="657"/>
      <c r="Q39" s="658"/>
      <c r="R39" s="659" t="s">
        <v>139</v>
      </c>
      <c r="S39" s="660"/>
      <c r="T39" s="660"/>
      <c r="U39" s="660"/>
      <c r="V39" s="660"/>
      <c r="W39" s="660"/>
      <c r="X39" s="660"/>
      <c r="Y39" s="661"/>
      <c r="Z39" s="662" t="s">
        <v>139</v>
      </c>
      <c r="AA39" s="662"/>
      <c r="AB39" s="662"/>
      <c r="AC39" s="662"/>
      <c r="AD39" s="663" t="s">
        <v>140</v>
      </c>
      <c r="AE39" s="663"/>
      <c r="AF39" s="663"/>
      <c r="AG39" s="663"/>
      <c r="AH39" s="663"/>
      <c r="AI39" s="663"/>
      <c r="AJ39" s="663"/>
      <c r="AK39" s="663"/>
      <c r="AL39" s="664" t="s">
        <v>139</v>
      </c>
      <c r="AM39" s="665"/>
      <c r="AN39" s="665"/>
      <c r="AO39" s="666"/>
      <c r="AQ39" s="722" t="s">
        <v>347</v>
      </c>
      <c r="AR39" s="723"/>
      <c r="AS39" s="723"/>
      <c r="AT39" s="723"/>
      <c r="AU39" s="723"/>
      <c r="AV39" s="723"/>
      <c r="AW39" s="723"/>
      <c r="AX39" s="723"/>
      <c r="AY39" s="724"/>
      <c r="AZ39" s="659" t="s">
        <v>139</v>
      </c>
      <c r="BA39" s="660"/>
      <c r="BB39" s="660"/>
      <c r="BC39" s="660"/>
      <c r="BD39" s="680"/>
      <c r="BE39" s="680"/>
      <c r="BF39" s="705"/>
      <c r="BG39" s="656" t="s">
        <v>348</v>
      </c>
      <c r="BH39" s="657"/>
      <c r="BI39" s="657"/>
      <c r="BJ39" s="657"/>
      <c r="BK39" s="657"/>
      <c r="BL39" s="657"/>
      <c r="BM39" s="657"/>
      <c r="BN39" s="657"/>
      <c r="BO39" s="657"/>
      <c r="BP39" s="657"/>
      <c r="BQ39" s="657"/>
      <c r="BR39" s="657"/>
      <c r="BS39" s="657"/>
      <c r="BT39" s="657"/>
      <c r="BU39" s="658"/>
      <c r="BV39" s="659">
        <v>5653</v>
      </c>
      <c r="BW39" s="660"/>
      <c r="BX39" s="660"/>
      <c r="BY39" s="660"/>
      <c r="BZ39" s="660"/>
      <c r="CA39" s="660"/>
      <c r="CB39" s="669"/>
      <c r="CD39" s="656" t="s">
        <v>349</v>
      </c>
      <c r="CE39" s="657"/>
      <c r="CF39" s="657"/>
      <c r="CG39" s="657"/>
      <c r="CH39" s="657"/>
      <c r="CI39" s="657"/>
      <c r="CJ39" s="657"/>
      <c r="CK39" s="657"/>
      <c r="CL39" s="657"/>
      <c r="CM39" s="657"/>
      <c r="CN39" s="657"/>
      <c r="CO39" s="657"/>
      <c r="CP39" s="657"/>
      <c r="CQ39" s="658"/>
      <c r="CR39" s="659">
        <v>412152</v>
      </c>
      <c r="CS39" s="680"/>
      <c r="CT39" s="680"/>
      <c r="CU39" s="680"/>
      <c r="CV39" s="680"/>
      <c r="CW39" s="680"/>
      <c r="CX39" s="680"/>
      <c r="CY39" s="681"/>
      <c r="CZ39" s="664">
        <v>4.3</v>
      </c>
      <c r="DA39" s="692"/>
      <c r="DB39" s="692"/>
      <c r="DC39" s="694"/>
      <c r="DD39" s="668">
        <v>408986</v>
      </c>
      <c r="DE39" s="680"/>
      <c r="DF39" s="680"/>
      <c r="DG39" s="680"/>
      <c r="DH39" s="680"/>
      <c r="DI39" s="680"/>
      <c r="DJ39" s="680"/>
      <c r="DK39" s="681"/>
      <c r="DL39" s="668" t="s">
        <v>139</v>
      </c>
      <c r="DM39" s="680"/>
      <c r="DN39" s="680"/>
      <c r="DO39" s="680"/>
      <c r="DP39" s="680"/>
      <c r="DQ39" s="680"/>
      <c r="DR39" s="680"/>
      <c r="DS39" s="680"/>
      <c r="DT39" s="680"/>
      <c r="DU39" s="680"/>
      <c r="DV39" s="681"/>
      <c r="DW39" s="664" t="s">
        <v>140</v>
      </c>
      <c r="DX39" s="692"/>
      <c r="DY39" s="692"/>
      <c r="DZ39" s="692"/>
      <c r="EA39" s="692"/>
      <c r="EB39" s="692"/>
      <c r="EC39" s="693"/>
    </row>
    <row r="40" spans="2:133" ht="11.25" customHeight="1" x14ac:dyDescent="0.2">
      <c r="B40" s="656" t="s">
        <v>350</v>
      </c>
      <c r="C40" s="657"/>
      <c r="D40" s="657"/>
      <c r="E40" s="657"/>
      <c r="F40" s="657"/>
      <c r="G40" s="657"/>
      <c r="H40" s="657"/>
      <c r="I40" s="657"/>
      <c r="J40" s="657"/>
      <c r="K40" s="657"/>
      <c r="L40" s="657"/>
      <c r="M40" s="657"/>
      <c r="N40" s="657"/>
      <c r="O40" s="657"/>
      <c r="P40" s="657"/>
      <c r="Q40" s="658"/>
      <c r="R40" s="659">
        <v>172800</v>
      </c>
      <c r="S40" s="660"/>
      <c r="T40" s="660"/>
      <c r="U40" s="660"/>
      <c r="V40" s="660"/>
      <c r="W40" s="660"/>
      <c r="X40" s="660"/>
      <c r="Y40" s="661"/>
      <c r="Z40" s="662">
        <v>1.7</v>
      </c>
      <c r="AA40" s="662"/>
      <c r="AB40" s="662"/>
      <c r="AC40" s="662"/>
      <c r="AD40" s="663" t="s">
        <v>139</v>
      </c>
      <c r="AE40" s="663"/>
      <c r="AF40" s="663"/>
      <c r="AG40" s="663"/>
      <c r="AH40" s="663"/>
      <c r="AI40" s="663"/>
      <c r="AJ40" s="663"/>
      <c r="AK40" s="663"/>
      <c r="AL40" s="664" t="s">
        <v>139</v>
      </c>
      <c r="AM40" s="665"/>
      <c r="AN40" s="665"/>
      <c r="AO40" s="666"/>
      <c r="AQ40" s="722" t="s">
        <v>351</v>
      </c>
      <c r="AR40" s="723"/>
      <c r="AS40" s="723"/>
      <c r="AT40" s="723"/>
      <c r="AU40" s="723"/>
      <c r="AV40" s="723"/>
      <c r="AW40" s="723"/>
      <c r="AX40" s="723"/>
      <c r="AY40" s="724"/>
      <c r="AZ40" s="659" t="s">
        <v>139</v>
      </c>
      <c r="BA40" s="660"/>
      <c r="BB40" s="660"/>
      <c r="BC40" s="660"/>
      <c r="BD40" s="680"/>
      <c r="BE40" s="680"/>
      <c r="BF40" s="705"/>
      <c r="BG40" s="709" t="s">
        <v>352</v>
      </c>
      <c r="BH40" s="710"/>
      <c r="BI40" s="710"/>
      <c r="BJ40" s="710"/>
      <c r="BK40" s="710"/>
      <c r="BL40" s="219"/>
      <c r="BM40" s="657" t="s">
        <v>353</v>
      </c>
      <c r="BN40" s="657"/>
      <c r="BO40" s="657"/>
      <c r="BP40" s="657"/>
      <c r="BQ40" s="657"/>
      <c r="BR40" s="657"/>
      <c r="BS40" s="657"/>
      <c r="BT40" s="657"/>
      <c r="BU40" s="658"/>
      <c r="BV40" s="659">
        <v>113</v>
      </c>
      <c r="BW40" s="660"/>
      <c r="BX40" s="660"/>
      <c r="BY40" s="660"/>
      <c r="BZ40" s="660"/>
      <c r="CA40" s="660"/>
      <c r="CB40" s="669"/>
      <c r="CD40" s="656" t="s">
        <v>354</v>
      </c>
      <c r="CE40" s="657"/>
      <c r="CF40" s="657"/>
      <c r="CG40" s="657"/>
      <c r="CH40" s="657"/>
      <c r="CI40" s="657"/>
      <c r="CJ40" s="657"/>
      <c r="CK40" s="657"/>
      <c r="CL40" s="657"/>
      <c r="CM40" s="657"/>
      <c r="CN40" s="657"/>
      <c r="CO40" s="657"/>
      <c r="CP40" s="657"/>
      <c r="CQ40" s="658"/>
      <c r="CR40" s="659">
        <v>25000</v>
      </c>
      <c r="CS40" s="660"/>
      <c r="CT40" s="660"/>
      <c r="CU40" s="660"/>
      <c r="CV40" s="660"/>
      <c r="CW40" s="660"/>
      <c r="CX40" s="660"/>
      <c r="CY40" s="661"/>
      <c r="CZ40" s="664">
        <v>0.3</v>
      </c>
      <c r="DA40" s="692"/>
      <c r="DB40" s="692"/>
      <c r="DC40" s="694"/>
      <c r="DD40" s="668" t="s">
        <v>139</v>
      </c>
      <c r="DE40" s="660"/>
      <c r="DF40" s="660"/>
      <c r="DG40" s="660"/>
      <c r="DH40" s="660"/>
      <c r="DI40" s="660"/>
      <c r="DJ40" s="660"/>
      <c r="DK40" s="661"/>
      <c r="DL40" s="668" t="s">
        <v>139</v>
      </c>
      <c r="DM40" s="660"/>
      <c r="DN40" s="660"/>
      <c r="DO40" s="660"/>
      <c r="DP40" s="660"/>
      <c r="DQ40" s="660"/>
      <c r="DR40" s="660"/>
      <c r="DS40" s="660"/>
      <c r="DT40" s="660"/>
      <c r="DU40" s="660"/>
      <c r="DV40" s="661"/>
      <c r="DW40" s="664" t="s">
        <v>139</v>
      </c>
      <c r="DX40" s="692"/>
      <c r="DY40" s="692"/>
      <c r="DZ40" s="692"/>
      <c r="EA40" s="692"/>
      <c r="EB40" s="692"/>
      <c r="EC40" s="693"/>
    </row>
    <row r="41" spans="2:133" ht="11.25" customHeight="1" x14ac:dyDescent="0.2">
      <c r="B41" s="682" t="s">
        <v>355</v>
      </c>
      <c r="C41" s="683"/>
      <c r="D41" s="683"/>
      <c r="E41" s="683"/>
      <c r="F41" s="683"/>
      <c r="G41" s="683"/>
      <c r="H41" s="683"/>
      <c r="I41" s="683"/>
      <c r="J41" s="683"/>
      <c r="K41" s="683"/>
      <c r="L41" s="683"/>
      <c r="M41" s="683"/>
      <c r="N41" s="683"/>
      <c r="O41" s="683"/>
      <c r="P41" s="683"/>
      <c r="Q41" s="684"/>
      <c r="R41" s="731">
        <v>10129636</v>
      </c>
      <c r="S41" s="732"/>
      <c r="T41" s="732"/>
      <c r="U41" s="732"/>
      <c r="V41" s="732"/>
      <c r="W41" s="732"/>
      <c r="X41" s="732"/>
      <c r="Y41" s="736"/>
      <c r="Z41" s="737">
        <v>100</v>
      </c>
      <c r="AA41" s="737"/>
      <c r="AB41" s="737"/>
      <c r="AC41" s="737"/>
      <c r="AD41" s="738">
        <v>6067029</v>
      </c>
      <c r="AE41" s="738"/>
      <c r="AF41" s="738"/>
      <c r="AG41" s="738"/>
      <c r="AH41" s="738"/>
      <c r="AI41" s="738"/>
      <c r="AJ41" s="738"/>
      <c r="AK41" s="738"/>
      <c r="AL41" s="739">
        <v>100</v>
      </c>
      <c r="AM41" s="719"/>
      <c r="AN41" s="719"/>
      <c r="AO41" s="740"/>
      <c r="AQ41" s="722" t="s">
        <v>356</v>
      </c>
      <c r="AR41" s="723"/>
      <c r="AS41" s="723"/>
      <c r="AT41" s="723"/>
      <c r="AU41" s="723"/>
      <c r="AV41" s="723"/>
      <c r="AW41" s="723"/>
      <c r="AX41" s="723"/>
      <c r="AY41" s="724"/>
      <c r="AZ41" s="659">
        <v>195366</v>
      </c>
      <c r="BA41" s="660"/>
      <c r="BB41" s="660"/>
      <c r="BC41" s="660"/>
      <c r="BD41" s="680"/>
      <c r="BE41" s="680"/>
      <c r="BF41" s="705"/>
      <c r="BG41" s="709"/>
      <c r="BH41" s="710"/>
      <c r="BI41" s="710"/>
      <c r="BJ41" s="710"/>
      <c r="BK41" s="710"/>
      <c r="BL41" s="219"/>
      <c r="BM41" s="657" t="s">
        <v>357</v>
      </c>
      <c r="BN41" s="657"/>
      <c r="BO41" s="657"/>
      <c r="BP41" s="657"/>
      <c r="BQ41" s="657"/>
      <c r="BR41" s="657"/>
      <c r="BS41" s="657"/>
      <c r="BT41" s="657"/>
      <c r="BU41" s="658"/>
      <c r="BV41" s="659" t="s">
        <v>140</v>
      </c>
      <c r="BW41" s="660"/>
      <c r="BX41" s="660"/>
      <c r="BY41" s="660"/>
      <c r="BZ41" s="660"/>
      <c r="CA41" s="660"/>
      <c r="CB41" s="669"/>
      <c r="CD41" s="656" t="s">
        <v>358</v>
      </c>
      <c r="CE41" s="657"/>
      <c r="CF41" s="657"/>
      <c r="CG41" s="657"/>
      <c r="CH41" s="657"/>
      <c r="CI41" s="657"/>
      <c r="CJ41" s="657"/>
      <c r="CK41" s="657"/>
      <c r="CL41" s="657"/>
      <c r="CM41" s="657"/>
      <c r="CN41" s="657"/>
      <c r="CO41" s="657"/>
      <c r="CP41" s="657"/>
      <c r="CQ41" s="658"/>
      <c r="CR41" s="659" t="s">
        <v>140</v>
      </c>
      <c r="CS41" s="680"/>
      <c r="CT41" s="680"/>
      <c r="CU41" s="680"/>
      <c r="CV41" s="680"/>
      <c r="CW41" s="680"/>
      <c r="CX41" s="680"/>
      <c r="CY41" s="681"/>
      <c r="CZ41" s="664" t="s">
        <v>140</v>
      </c>
      <c r="DA41" s="692"/>
      <c r="DB41" s="692"/>
      <c r="DC41" s="694"/>
      <c r="DD41" s="668" t="s">
        <v>139</v>
      </c>
      <c r="DE41" s="680"/>
      <c r="DF41" s="680"/>
      <c r="DG41" s="680"/>
      <c r="DH41" s="680"/>
      <c r="DI41" s="680"/>
      <c r="DJ41" s="680"/>
      <c r="DK41" s="681"/>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9</v>
      </c>
      <c r="AR42" s="729"/>
      <c r="AS42" s="729"/>
      <c r="AT42" s="729"/>
      <c r="AU42" s="729"/>
      <c r="AV42" s="729"/>
      <c r="AW42" s="729"/>
      <c r="AX42" s="729"/>
      <c r="AY42" s="730"/>
      <c r="AZ42" s="731">
        <v>820944</v>
      </c>
      <c r="BA42" s="732"/>
      <c r="BB42" s="732"/>
      <c r="BC42" s="732"/>
      <c r="BD42" s="718"/>
      <c r="BE42" s="718"/>
      <c r="BF42" s="720"/>
      <c r="BG42" s="711"/>
      <c r="BH42" s="712"/>
      <c r="BI42" s="712"/>
      <c r="BJ42" s="712"/>
      <c r="BK42" s="712"/>
      <c r="BL42" s="220"/>
      <c r="BM42" s="683" t="s">
        <v>360</v>
      </c>
      <c r="BN42" s="683"/>
      <c r="BO42" s="683"/>
      <c r="BP42" s="683"/>
      <c r="BQ42" s="683"/>
      <c r="BR42" s="683"/>
      <c r="BS42" s="683"/>
      <c r="BT42" s="683"/>
      <c r="BU42" s="684"/>
      <c r="BV42" s="731">
        <v>348</v>
      </c>
      <c r="BW42" s="732"/>
      <c r="BX42" s="732"/>
      <c r="BY42" s="732"/>
      <c r="BZ42" s="732"/>
      <c r="CA42" s="732"/>
      <c r="CB42" s="741"/>
      <c r="CD42" s="656" t="s">
        <v>361</v>
      </c>
      <c r="CE42" s="657"/>
      <c r="CF42" s="657"/>
      <c r="CG42" s="657"/>
      <c r="CH42" s="657"/>
      <c r="CI42" s="657"/>
      <c r="CJ42" s="657"/>
      <c r="CK42" s="657"/>
      <c r="CL42" s="657"/>
      <c r="CM42" s="657"/>
      <c r="CN42" s="657"/>
      <c r="CO42" s="657"/>
      <c r="CP42" s="657"/>
      <c r="CQ42" s="658"/>
      <c r="CR42" s="659">
        <v>511566</v>
      </c>
      <c r="CS42" s="680"/>
      <c r="CT42" s="680"/>
      <c r="CU42" s="680"/>
      <c r="CV42" s="680"/>
      <c r="CW42" s="680"/>
      <c r="CX42" s="680"/>
      <c r="CY42" s="681"/>
      <c r="CZ42" s="664">
        <v>5.3</v>
      </c>
      <c r="DA42" s="692"/>
      <c r="DB42" s="692"/>
      <c r="DC42" s="694"/>
      <c r="DD42" s="668">
        <v>262536</v>
      </c>
      <c r="DE42" s="680"/>
      <c r="DF42" s="680"/>
      <c r="DG42" s="680"/>
      <c r="DH42" s="680"/>
      <c r="DI42" s="680"/>
      <c r="DJ42" s="680"/>
      <c r="DK42" s="681"/>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0" t="s">
        <v>362</v>
      </c>
      <c r="CD43" s="656" t="s">
        <v>363</v>
      </c>
      <c r="CE43" s="657"/>
      <c r="CF43" s="657"/>
      <c r="CG43" s="657"/>
      <c r="CH43" s="657"/>
      <c r="CI43" s="657"/>
      <c r="CJ43" s="657"/>
      <c r="CK43" s="657"/>
      <c r="CL43" s="657"/>
      <c r="CM43" s="657"/>
      <c r="CN43" s="657"/>
      <c r="CO43" s="657"/>
      <c r="CP43" s="657"/>
      <c r="CQ43" s="658"/>
      <c r="CR43" s="659">
        <v>14398</v>
      </c>
      <c r="CS43" s="680"/>
      <c r="CT43" s="680"/>
      <c r="CU43" s="680"/>
      <c r="CV43" s="680"/>
      <c r="CW43" s="680"/>
      <c r="CX43" s="680"/>
      <c r="CY43" s="681"/>
      <c r="CZ43" s="664">
        <v>0.2</v>
      </c>
      <c r="DA43" s="692"/>
      <c r="DB43" s="692"/>
      <c r="DC43" s="694"/>
      <c r="DD43" s="668">
        <v>14398</v>
      </c>
      <c r="DE43" s="680"/>
      <c r="DF43" s="680"/>
      <c r="DG43" s="680"/>
      <c r="DH43" s="680"/>
      <c r="DI43" s="680"/>
      <c r="DJ43" s="680"/>
      <c r="DK43" s="681"/>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64</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7" t="s">
        <v>312</v>
      </c>
      <c r="CE44" s="698"/>
      <c r="CF44" s="656" t="s">
        <v>365</v>
      </c>
      <c r="CG44" s="657"/>
      <c r="CH44" s="657"/>
      <c r="CI44" s="657"/>
      <c r="CJ44" s="657"/>
      <c r="CK44" s="657"/>
      <c r="CL44" s="657"/>
      <c r="CM44" s="657"/>
      <c r="CN44" s="657"/>
      <c r="CO44" s="657"/>
      <c r="CP44" s="657"/>
      <c r="CQ44" s="658"/>
      <c r="CR44" s="659">
        <v>511566</v>
      </c>
      <c r="CS44" s="660"/>
      <c r="CT44" s="660"/>
      <c r="CU44" s="660"/>
      <c r="CV44" s="660"/>
      <c r="CW44" s="660"/>
      <c r="CX44" s="660"/>
      <c r="CY44" s="661"/>
      <c r="CZ44" s="664">
        <v>5.3</v>
      </c>
      <c r="DA44" s="665"/>
      <c r="DB44" s="665"/>
      <c r="DC44" s="671"/>
      <c r="DD44" s="668">
        <v>262536</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66</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9"/>
      <c r="CE45" s="700"/>
      <c r="CF45" s="656" t="s">
        <v>367</v>
      </c>
      <c r="CG45" s="657"/>
      <c r="CH45" s="657"/>
      <c r="CI45" s="657"/>
      <c r="CJ45" s="657"/>
      <c r="CK45" s="657"/>
      <c r="CL45" s="657"/>
      <c r="CM45" s="657"/>
      <c r="CN45" s="657"/>
      <c r="CO45" s="657"/>
      <c r="CP45" s="657"/>
      <c r="CQ45" s="658"/>
      <c r="CR45" s="659">
        <v>124886</v>
      </c>
      <c r="CS45" s="680"/>
      <c r="CT45" s="680"/>
      <c r="CU45" s="680"/>
      <c r="CV45" s="680"/>
      <c r="CW45" s="680"/>
      <c r="CX45" s="680"/>
      <c r="CY45" s="681"/>
      <c r="CZ45" s="664">
        <v>1.3</v>
      </c>
      <c r="DA45" s="692"/>
      <c r="DB45" s="692"/>
      <c r="DC45" s="694"/>
      <c r="DD45" s="668">
        <v>25738</v>
      </c>
      <c r="DE45" s="680"/>
      <c r="DF45" s="680"/>
      <c r="DG45" s="680"/>
      <c r="DH45" s="680"/>
      <c r="DI45" s="680"/>
      <c r="DJ45" s="680"/>
      <c r="DK45" s="681"/>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1"/>
      <c r="CD46" s="699"/>
      <c r="CE46" s="700"/>
      <c r="CF46" s="656" t="s">
        <v>368</v>
      </c>
      <c r="CG46" s="657"/>
      <c r="CH46" s="657"/>
      <c r="CI46" s="657"/>
      <c r="CJ46" s="657"/>
      <c r="CK46" s="657"/>
      <c r="CL46" s="657"/>
      <c r="CM46" s="657"/>
      <c r="CN46" s="657"/>
      <c r="CO46" s="657"/>
      <c r="CP46" s="657"/>
      <c r="CQ46" s="658"/>
      <c r="CR46" s="659">
        <v>386680</v>
      </c>
      <c r="CS46" s="660"/>
      <c r="CT46" s="660"/>
      <c r="CU46" s="660"/>
      <c r="CV46" s="660"/>
      <c r="CW46" s="660"/>
      <c r="CX46" s="660"/>
      <c r="CY46" s="661"/>
      <c r="CZ46" s="664">
        <v>4</v>
      </c>
      <c r="DA46" s="665"/>
      <c r="DB46" s="665"/>
      <c r="DC46" s="671"/>
      <c r="DD46" s="668">
        <v>236798</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1"/>
      <c r="CD47" s="699"/>
      <c r="CE47" s="700"/>
      <c r="CF47" s="656" t="s">
        <v>369</v>
      </c>
      <c r="CG47" s="657"/>
      <c r="CH47" s="657"/>
      <c r="CI47" s="657"/>
      <c r="CJ47" s="657"/>
      <c r="CK47" s="657"/>
      <c r="CL47" s="657"/>
      <c r="CM47" s="657"/>
      <c r="CN47" s="657"/>
      <c r="CO47" s="657"/>
      <c r="CP47" s="657"/>
      <c r="CQ47" s="658"/>
      <c r="CR47" s="659" t="s">
        <v>139</v>
      </c>
      <c r="CS47" s="680"/>
      <c r="CT47" s="680"/>
      <c r="CU47" s="680"/>
      <c r="CV47" s="680"/>
      <c r="CW47" s="680"/>
      <c r="CX47" s="680"/>
      <c r="CY47" s="681"/>
      <c r="CZ47" s="664" t="s">
        <v>139</v>
      </c>
      <c r="DA47" s="692"/>
      <c r="DB47" s="692"/>
      <c r="DC47" s="694"/>
      <c r="DD47" s="668" t="s">
        <v>139</v>
      </c>
      <c r="DE47" s="680"/>
      <c r="DF47" s="680"/>
      <c r="DG47" s="680"/>
      <c r="DH47" s="680"/>
      <c r="DI47" s="680"/>
      <c r="DJ47" s="680"/>
      <c r="DK47" s="681"/>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1"/>
      <c r="CD48" s="701"/>
      <c r="CE48" s="702"/>
      <c r="CF48" s="656" t="s">
        <v>370</v>
      </c>
      <c r="CG48" s="657"/>
      <c r="CH48" s="657"/>
      <c r="CI48" s="657"/>
      <c r="CJ48" s="657"/>
      <c r="CK48" s="657"/>
      <c r="CL48" s="657"/>
      <c r="CM48" s="657"/>
      <c r="CN48" s="657"/>
      <c r="CO48" s="657"/>
      <c r="CP48" s="657"/>
      <c r="CQ48" s="658"/>
      <c r="CR48" s="659" t="s">
        <v>140</v>
      </c>
      <c r="CS48" s="660"/>
      <c r="CT48" s="660"/>
      <c r="CU48" s="660"/>
      <c r="CV48" s="660"/>
      <c r="CW48" s="660"/>
      <c r="CX48" s="660"/>
      <c r="CY48" s="661"/>
      <c r="CZ48" s="664" t="s">
        <v>140</v>
      </c>
      <c r="DA48" s="665"/>
      <c r="DB48" s="665"/>
      <c r="DC48" s="671"/>
      <c r="DD48" s="668" t="s">
        <v>139</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1"/>
      <c r="CD49" s="682" t="s">
        <v>371</v>
      </c>
      <c r="CE49" s="683"/>
      <c r="CF49" s="683"/>
      <c r="CG49" s="683"/>
      <c r="CH49" s="683"/>
      <c r="CI49" s="683"/>
      <c r="CJ49" s="683"/>
      <c r="CK49" s="683"/>
      <c r="CL49" s="683"/>
      <c r="CM49" s="683"/>
      <c r="CN49" s="683"/>
      <c r="CO49" s="683"/>
      <c r="CP49" s="683"/>
      <c r="CQ49" s="684"/>
      <c r="CR49" s="731">
        <v>9579851</v>
      </c>
      <c r="CS49" s="718"/>
      <c r="CT49" s="718"/>
      <c r="CU49" s="718"/>
      <c r="CV49" s="718"/>
      <c r="CW49" s="718"/>
      <c r="CX49" s="718"/>
      <c r="CY49" s="747"/>
      <c r="CZ49" s="739">
        <v>100</v>
      </c>
      <c r="DA49" s="748"/>
      <c r="DB49" s="748"/>
      <c r="DC49" s="749"/>
      <c r="DD49" s="750">
        <v>6951651</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GAheJCHMOFITB79xrDAngy4ej4qWjcWq551Ud2f8z7ysnPFGsNm8cTrT/DQ3OobNLcgXJmFI3KUDVNPAaT3BSQ==" saltValue="XNH90gcjc/8hV29fCEpm2A=="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CF29:CQ29"/>
    <mergeCell ref="CR29:CY29"/>
    <mergeCell ref="CZ29:DC29"/>
    <mergeCell ref="BR30:CB30"/>
    <mergeCell ref="CF30:CQ30"/>
    <mergeCell ref="CR30:CY30"/>
    <mergeCell ref="CZ30:DC30"/>
    <mergeCell ref="DD30:DK30"/>
    <mergeCell ref="DL30:DV30"/>
    <mergeCell ref="B30:Q30"/>
    <mergeCell ref="R30:Y30"/>
    <mergeCell ref="Z30:AC30"/>
    <mergeCell ref="AD30:AK30"/>
    <mergeCell ref="AL30:AO30"/>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CZ25:DC25"/>
    <mergeCell ref="DD25:DK25"/>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1"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81640625" style="227" customWidth="1"/>
    <col min="131" max="131" width="1.63281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57" t="s">
        <v>372</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58" t="s">
        <v>373</v>
      </c>
      <c r="DK2" s="759"/>
      <c r="DL2" s="759"/>
      <c r="DM2" s="759"/>
      <c r="DN2" s="759"/>
      <c r="DO2" s="760"/>
      <c r="DP2" s="224"/>
      <c r="DQ2" s="758" t="s">
        <v>374</v>
      </c>
      <c r="DR2" s="759"/>
      <c r="DS2" s="759"/>
      <c r="DT2" s="759"/>
      <c r="DU2" s="759"/>
      <c r="DV2" s="759"/>
      <c r="DW2" s="759"/>
      <c r="DX2" s="759"/>
      <c r="DY2" s="759"/>
      <c r="DZ2" s="760"/>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61" t="s">
        <v>375</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28"/>
      <c r="BA4" s="228"/>
      <c r="BB4" s="228"/>
      <c r="BC4" s="228"/>
      <c r="BD4" s="228"/>
      <c r="BE4" s="229"/>
      <c r="BF4" s="229"/>
      <c r="BG4" s="229"/>
      <c r="BH4" s="229"/>
      <c r="BI4" s="229"/>
      <c r="BJ4" s="229"/>
      <c r="BK4" s="229"/>
      <c r="BL4" s="229"/>
      <c r="BM4" s="229"/>
      <c r="BN4" s="229"/>
      <c r="BO4" s="229"/>
      <c r="BP4" s="229"/>
      <c r="BQ4" s="762" t="s">
        <v>376</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0"/>
    </row>
    <row r="5" spans="1:131" s="231" customFormat="1" ht="26.25" customHeight="1" x14ac:dyDescent="0.2">
      <c r="A5" s="763" t="s">
        <v>377</v>
      </c>
      <c r="B5" s="764"/>
      <c r="C5" s="764"/>
      <c r="D5" s="764"/>
      <c r="E5" s="764"/>
      <c r="F5" s="764"/>
      <c r="G5" s="764"/>
      <c r="H5" s="764"/>
      <c r="I5" s="764"/>
      <c r="J5" s="764"/>
      <c r="K5" s="764"/>
      <c r="L5" s="764"/>
      <c r="M5" s="764"/>
      <c r="N5" s="764"/>
      <c r="O5" s="764"/>
      <c r="P5" s="765"/>
      <c r="Q5" s="769" t="s">
        <v>378</v>
      </c>
      <c r="R5" s="770"/>
      <c r="S5" s="770"/>
      <c r="T5" s="770"/>
      <c r="U5" s="771"/>
      <c r="V5" s="769" t="s">
        <v>379</v>
      </c>
      <c r="W5" s="770"/>
      <c r="X5" s="770"/>
      <c r="Y5" s="770"/>
      <c r="Z5" s="771"/>
      <c r="AA5" s="769" t="s">
        <v>380</v>
      </c>
      <c r="AB5" s="770"/>
      <c r="AC5" s="770"/>
      <c r="AD5" s="770"/>
      <c r="AE5" s="770"/>
      <c r="AF5" s="775" t="s">
        <v>381</v>
      </c>
      <c r="AG5" s="770"/>
      <c r="AH5" s="770"/>
      <c r="AI5" s="770"/>
      <c r="AJ5" s="776"/>
      <c r="AK5" s="770" t="s">
        <v>382</v>
      </c>
      <c r="AL5" s="770"/>
      <c r="AM5" s="770"/>
      <c r="AN5" s="770"/>
      <c r="AO5" s="771"/>
      <c r="AP5" s="769" t="s">
        <v>383</v>
      </c>
      <c r="AQ5" s="770"/>
      <c r="AR5" s="770"/>
      <c r="AS5" s="770"/>
      <c r="AT5" s="771"/>
      <c r="AU5" s="769" t="s">
        <v>384</v>
      </c>
      <c r="AV5" s="770"/>
      <c r="AW5" s="770"/>
      <c r="AX5" s="770"/>
      <c r="AY5" s="776"/>
      <c r="AZ5" s="228"/>
      <c r="BA5" s="228"/>
      <c r="BB5" s="228"/>
      <c r="BC5" s="228"/>
      <c r="BD5" s="228"/>
      <c r="BE5" s="229"/>
      <c r="BF5" s="229"/>
      <c r="BG5" s="229"/>
      <c r="BH5" s="229"/>
      <c r="BI5" s="229"/>
      <c r="BJ5" s="229"/>
      <c r="BK5" s="229"/>
      <c r="BL5" s="229"/>
      <c r="BM5" s="229"/>
      <c r="BN5" s="229"/>
      <c r="BO5" s="229"/>
      <c r="BP5" s="229"/>
      <c r="BQ5" s="763" t="s">
        <v>385</v>
      </c>
      <c r="BR5" s="764"/>
      <c r="BS5" s="764"/>
      <c r="BT5" s="764"/>
      <c r="BU5" s="764"/>
      <c r="BV5" s="764"/>
      <c r="BW5" s="764"/>
      <c r="BX5" s="764"/>
      <c r="BY5" s="764"/>
      <c r="BZ5" s="764"/>
      <c r="CA5" s="764"/>
      <c r="CB5" s="764"/>
      <c r="CC5" s="764"/>
      <c r="CD5" s="764"/>
      <c r="CE5" s="764"/>
      <c r="CF5" s="764"/>
      <c r="CG5" s="765"/>
      <c r="CH5" s="769" t="s">
        <v>386</v>
      </c>
      <c r="CI5" s="770"/>
      <c r="CJ5" s="770"/>
      <c r="CK5" s="770"/>
      <c r="CL5" s="771"/>
      <c r="CM5" s="769" t="s">
        <v>387</v>
      </c>
      <c r="CN5" s="770"/>
      <c r="CO5" s="770"/>
      <c r="CP5" s="770"/>
      <c r="CQ5" s="771"/>
      <c r="CR5" s="769" t="s">
        <v>388</v>
      </c>
      <c r="CS5" s="770"/>
      <c r="CT5" s="770"/>
      <c r="CU5" s="770"/>
      <c r="CV5" s="771"/>
      <c r="CW5" s="769" t="s">
        <v>389</v>
      </c>
      <c r="CX5" s="770"/>
      <c r="CY5" s="770"/>
      <c r="CZ5" s="770"/>
      <c r="DA5" s="771"/>
      <c r="DB5" s="769" t="s">
        <v>390</v>
      </c>
      <c r="DC5" s="770"/>
      <c r="DD5" s="770"/>
      <c r="DE5" s="770"/>
      <c r="DF5" s="771"/>
      <c r="DG5" s="799" t="s">
        <v>391</v>
      </c>
      <c r="DH5" s="800"/>
      <c r="DI5" s="800"/>
      <c r="DJ5" s="800"/>
      <c r="DK5" s="801"/>
      <c r="DL5" s="799" t="s">
        <v>392</v>
      </c>
      <c r="DM5" s="800"/>
      <c r="DN5" s="800"/>
      <c r="DO5" s="800"/>
      <c r="DP5" s="801"/>
      <c r="DQ5" s="769" t="s">
        <v>393</v>
      </c>
      <c r="DR5" s="770"/>
      <c r="DS5" s="770"/>
      <c r="DT5" s="770"/>
      <c r="DU5" s="771"/>
      <c r="DV5" s="769" t="s">
        <v>384</v>
      </c>
      <c r="DW5" s="770"/>
      <c r="DX5" s="770"/>
      <c r="DY5" s="770"/>
      <c r="DZ5" s="776"/>
      <c r="EA5" s="230"/>
    </row>
    <row r="6" spans="1:131" s="231"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28"/>
      <c r="BA6" s="228"/>
      <c r="BB6" s="228"/>
      <c r="BC6" s="228"/>
      <c r="BD6" s="228"/>
      <c r="BE6" s="229"/>
      <c r="BF6" s="229"/>
      <c r="BG6" s="229"/>
      <c r="BH6" s="229"/>
      <c r="BI6" s="229"/>
      <c r="BJ6" s="229"/>
      <c r="BK6" s="229"/>
      <c r="BL6" s="229"/>
      <c r="BM6" s="229"/>
      <c r="BN6" s="229"/>
      <c r="BO6" s="229"/>
      <c r="BP6" s="229"/>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0"/>
    </row>
    <row r="7" spans="1:131" s="231" customFormat="1" ht="26.25" customHeight="1" thickTop="1" x14ac:dyDescent="0.2">
      <c r="A7" s="232">
        <v>1</v>
      </c>
      <c r="B7" s="785" t="s">
        <v>394</v>
      </c>
      <c r="C7" s="786"/>
      <c r="D7" s="786"/>
      <c r="E7" s="786"/>
      <c r="F7" s="786"/>
      <c r="G7" s="786"/>
      <c r="H7" s="786"/>
      <c r="I7" s="786"/>
      <c r="J7" s="786"/>
      <c r="K7" s="786"/>
      <c r="L7" s="786"/>
      <c r="M7" s="786"/>
      <c r="N7" s="786"/>
      <c r="O7" s="786"/>
      <c r="P7" s="787"/>
      <c r="Q7" s="788">
        <v>10130</v>
      </c>
      <c r="R7" s="789"/>
      <c r="S7" s="789"/>
      <c r="T7" s="789"/>
      <c r="U7" s="789"/>
      <c r="V7" s="789">
        <v>9580</v>
      </c>
      <c r="W7" s="789"/>
      <c r="X7" s="789"/>
      <c r="Y7" s="789"/>
      <c r="Z7" s="789"/>
      <c r="AA7" s="789">
        <v>550</v>
      </c>
      <c r="AB7" s="789"/>
      <c r="AC7" s="789"/>
      <c r="AD7" s="789"/>
      <c r="AE7" s="790"/>
      <c r="AF7" s="791">
        <v>478</v>
      </c>
      <c r="AG7" s="792"/>
      <c r="AH7" s="792"/>
      <c r="AI7" s="792"/>
      <c r="AJ7" s="793"/>
      <c r="AK7" s="794">
        <v>298</v>
      </c>
      <c r="AL7" s="795"/>
      <c r="AM7" s="795"/>
      <c r="AN7" s="795"/>
      <c r="AO7" s="795"/>
      <c r="AP7" s="795">
        <v>6980</v>
      </c>
      <c r="AQ7" s="795"/>
      <c r="AR7" s="795"/>
      <c r="AS7" s="795"/>
      <c r="AT7" s="795"/>
      <c r="AU7" s="796"/>
      <c r="AV7" s="796"/>
      <c r="AW7" s="796"/>
      <c r="AX7" s="796"/>
      <c r="AY7" s="797"/>
      <c r="AZ7" s="228"/>
      <c r="BA7" s="228"/>
      <c r="BB7" s="228"/>
      <c r="BC7" s="228"/>
      <c r="BD7" s="228"/>
      <c r="BE7" s="229"/>
      <c r="BF7" s="229"/>
      <c r="BG7" s="229"/>
      <c r="BH7" s="229"/>
      <c r="BI7" s="229"/>
      <c r="BJ7" s="229"/>
      <c r="BK7" s="229"/>
      <c r="BL7" s="229"/>
      <c r="BM7" s="229"/>
      <c r="BN7" s="229"/>
      <c r="BO7" s="229"/>
      <c r="BP7" s="229"/>
      <c r="BQ7" s="232">
        <v>1</v>
      </c>
      <c r="BR7" s="233"/>
      <c r="BS7" s="782" t="s">
        <v>593</v>
      </c>
      <c r="BT7" s="783"/>
      <c r="BU7" s="783"/>
      <c r="BV7" s="783"/>
      <c r="BW7" s="783"/>
      <c r="BX7" s="783"/>
      <c r="BY7" s="783"/>
      <c r="BZ7" s="783"/>
      <c r="CA7" s="783"/>
      <c r="CB7" s="783"/>
      <c r="CC7" s="783"/>
      <c r="CD7" s="783"/>
      <c r="CE7" s="783"/>
      <c r="CF7" s="783"/>
      <c r="CG7" s="798"/>
      <c r="CH7" s="779">
        <v>0</v>
      </c>
      <c r="CI7" s="780"/>
      <c r="CJ7" s="780"/>
      <c r="CK7" s="780"/>
      <c r="CL7" s="781"/>
      <c r="CM7" s="779">
        <v>13</v>
      </c>
      <c r="CN7" s="780"/>
      <c r="CO7" s="780"/>
      <c r="CP7" s="780"/>
      <c r="CQ7" s="781"/>
      <c r="CR7" s="779">
        <v>1</v>
      </c>
      <c r="CS7" s="780"/>
      <c r="CT7" s="780"/>
      <c r="CU7" s="780"/>
      <c r="CV7" s="781"/>
      <c r="CW7" s="779" t="s">
        <v>588</v>
      </c>
      <c r="CX7" s="780"/>
      <c r="CY7" s="780"/>
      <c r="CZ7" s="780"/>
      <c r="DA7" s="781"/>
      <c r="DB7" s="779" t="s">
        <v>588</v>
      </c>
      <c r="DC7" s="780"/>
      <c r="DD7" s="780"/>
      <c r="DE7" s="780"/>
      <c r="DF7" s="781"/>
      <c r="DG7" s="779" t="s">
        <v>588</v>
      </c>
      <c r="DH7" s="780"/>
      <c r="DI7" s="780"/>
      <c r="DJ7" s="780"/>
      <c r="DK7" s="781"/>
      <c r="DL7" s="779" t="s">
        <v>588</v>
      </c>
      <c r="DM7" s="780"/>
      <c r="DN7" s="780"/>
      <c r="DO7" s="780"/>
      <c r="DP7" s="781"/>
      <c r="DQ7" s="779" t="s">
        <v>588</v>
      </c>
      <c r="DR7" s="780"/>
      <c r="DS7" s="780"/>
      <c r="DT7" s="780"/>
      <c r="DU7" s="781"/>
      <c r="DV7" s="782"/>
      <c r="DW7" s="783"/>
      <c r="DX7" s="783"/>
      <c r="DY7" s="783"/>
      <c r="DZ7" s="784"/>
      <c r="EA7" s="230"/>
    </row>
    <row r="8" spans="1:131" s="231" customFormat="1" ht="26.25" customHeight="1" x14ac:dyDescent="0.2">
      <c r="A8" s="234">
        <v>2</v>
      </c>
      <c r="B8" s="816"/>
      <c r="C8" s="817"/>
      <c r="D8" s="817"/>
      <c r="E8" s="817"/>
      <c r="F8" s="817"/>
      <c r="G8" s="817"/>
      <c r="H8" s="817"/>
      <c r="I8" s="817"/>
      <c r="J8" s="817"/>
      <c r="K8" s="817"/>
      <c r="L8" s="817"/>
      <c r="M8" s="817"/>
      <c r="N8" s="817"/>
      <c r="O8" s="817"/>
      <c r="P8" s="818"/>
      <c r="Q8" s="819"/>
      <c r="R8" s="820"/>
      <c r="S8" s="820"/>
      <c r="T8" s="820"/>
      <c r="U8" s="820"/>
      <c r="V8" s="820"/>
      <c r="W8" s="820"/>
      <c r="X8" s="820"/>
      <c r="Y8" s="820"/>
      <c r="Z8" s="820"/>
      <c r="AA8" s="820"/>
      <c r="AB8" s="820"/>
      <c r="AC8" s="820"/>
      <c r="AD8" s="820"/>
      <c r="AE8" s="821"/>
      <c r="AF8" s="822"/>
      <c r="AG8" s="823"/>
      <c r="AH8" s="823"/>
      <c r="AI8" s="823"/>
      <c r="AJ8" s="824"/>
      <c r="AK8" s="805"/>
      <c r="AL8" s="806"/>
      <c r="AM8" s="806"/>
      <c r="AN8" s="806"/>
      <c r="AO8" s="806"/>
      <c r="AP8" s="806"/>
      <c r="AQ8" s="806"/>
      <c r="AR8" s="806"/>
      <c r="AS8" s="806"/>
      <c r="AT8" s="806"/>
      <c r="AU8" s="807"/>
      <c r="AV8" s="807"/>
      <c r="AW8" s="807"/>
      <c r="AX8" s="807"/>
      <c r="AY8" s="808"/>
      <c r="AZ8" s="228"/>
      <c r="BA8" s="228"/>
      <c r="BB8" s="228"/>
      <c r="BC8" s="228"/>
      <c r="BD8" s="228"/>
      <c r="BE8" s="229"/>
      <c r="BF8" s="229"/>
      <c r="BG8" s="229"/>
      <c r="BH8" s="229"/>
      <c r="BI8" s="229"/>
      <c r="BJ8" s="229"/>
      <c r="BK8" s="229"/>
      <c r="BL8" s="229"/>
      <c r="BM8" s="229"/>
      <c r="BN8" s="229"/>
      <c r="BO8" s="229"/>
      <c r="BP8" s="229"/>
      <c r="BQ8" s="234">
        <v>2</v>
      </c>
      <c r="BR8" s="235"/>
      <c r="BS8" s="809" t="s">
        <v>594</v>
      </c>
      <c r="BT8" s="810"/>
      <c r="BU8" s="810"/>
      <c r="BV8" s="810"/>
      <c r="BW8" s="810"/>
      <c r="BX8" s="810"/>
      <c r="BY8" s="810"/>
      <c r="BZ8" s="810"/>
      <c r="CA8" s="810"/>
      <c r="CB8" s="810"/>
      <c r="CC8" s="810"/>
      <c r="CD8" s="810"/>
      <c r="CE8" s="810"/>
      <c r="CF8" s="810"/>
      <c r="CG8" s="811"/>
      <c r="CH8" s="812">
        <v>0</v>
      </c>
      <c r="CI8" s="813"/>
      <c r="CJ8" s="813"/>
      <c r="CK8" s="813"/>
      <c r="CL8" s="814"/>
      <c r="CM8" s="812">
        <v>1866</v>
      </c>
      <c r="CN8" s="813"/>
      <c r="CO8" s="813"/>
      <c r="CP8" s="813"/>
      <c r="CQ8" s="814"/>
      <c r="CR8" s="812">
        <v>10</v>
      </c>
      <c r="CS8" s="813"/>
      <c r="CT8" s="813"/>
      <c r="CU8" s="813"/>
      <c r="CV8" s="814"/>
      <c r="CW8" s="812" t="s">
        <v>588</v>
      </c>
      <c r="CX8" s="813"/>
      <c r="CY8" s="813"/>
      <c r="CZ8" s="813"/>
      <c r="DA8" s="814"/>
      <c r="DB8" s="812" t="s">
        <v>588</v>
      </c>
      <c r="DC8" s="813"/>
      <c r="DD8" s="813"/>
      <c r="DE8" s="813"/>
      <c r="DF8" s="814"/>
      <c r="DG8" s="812" t="s">
        <v>588</v>
      </c>
      <c r="DH8" s="813"/>
      <c r="DI8" s="813"/>
      <c r="DJ8" s="813"/>
      <c r="DK8" s="814"/>
      <c r="DL8" s="812" t="s">
        <v>588</v>
      </c>
      <c r="DM8" s="813"/>
      <c r="DN8" s="813"/>
      <c r="DO8" s="813"/>
      <c r="DP8" s="814"/>
      <c r="DQ8" s="812" t="s">
        <v>588</v>
      </c>
      <c r="DR8" s="813"/>
      <c r="DS8" s="813"/>
      <c r="DT8" s="813"/>
      <c r="DU8" s="814"/>
      <c r="DV8" s="809"/>
      <c r="DW8" s="810"/>
      <c r="DX8" s="810"/>
      <c r="DY8" s="810"/>
      <c r="DZ8" s="815"/>
      <c r="EA8" s="230"/>
    </row>
    <row r="9" spans="1:131" s="231" customFormat="1" ht="26.25" customHeight="1" x14ac:dyDescent="0.2">
      <c r="A9" s="234">
        <v>3</v>
      </c>
      <c r="B9" s="816"/>
      <c r="C9" s="817"/>
      <c r="D9" s="817"/>
      <c r="E9" s="817"/>
      <c r="F9" s="817"/>
      <c r="G9" s="817"/>
      <c r="H9" s="817"/>
      <c r="I9" s="817"/>
      <c r="J9" s="817"/>
      <c r="K9" s="817"/>
      <c r="L9" s="817"/>
      <c r="M9" s="817"/>
      <c r="N9" s="817"/>
      <c r="O9" s="817"/>
      <c r="P9" s="818"/>
      <c r="Q9" s="819"/>
      <c r="R9" s="820"/>
      <c r="S9" s="820"/>
      <c r="T9" s="820"/>
      <c r="U9" s="820"/>
      <c r="V9" s="820"/>
      <c r="W9" s="820"/>
      <c r="X9" s="820"/>
      <c r="Y9" s="820"/>
      <c r="Z9" s="820"/>
      <c r="AA9" s="820"/>
      <c r="AB9" s="820"/>
      <c r="AC9" s="820"/>
      <c r="AD9" s="820"/>
      <c r="AE9" s="821"/>
      <c r="AF9" s="822"/>
      <c r="AG9" s="823"/>
      <c r="AH9" s="823"/>
      <c r="AI9" s="823"/>
      <c r="AJ9" s="824"/>
      <c r="AK9" s="805"/>
      <c r="AL9" s="806"/>
      <c r="AM9" s="806"/>
      <c r="AN9" s="806"/>
      <c r="AO9" s="806"/>
      <c r="AP9" s="806"/>
      <c r="AQ9" s="806"/>
      <c r="AR9" s="806"/>
      <c r="AS9" s="806"/>
      <c r="AT9" s="806"/>
      <c r="AU9" s="807"/>
      <c r="AV9" s="807"/>
      <c r="AW9" s="807"/>
      <c r="AX9" s="807"/>
      <c r="AY9" s="808"/>
      <c r="AZ9" s="228"/>
      <c r="BA9" s="228"/>
      <c r="BB9" s="228"/>
      <c r="BC9" s="228"/>
      <c r="BD9" s="228"/>
      <c r="BE9" s="229"/>
      <c r="BF9" s="229"/>
      <c r="BG9" s="229"/>
      <c r="BH9" s="229"/>
      <c r="BI9" s="229"/>
      <c r="BJ9" s="229"/>
      <c r="BK9" s="229"/>
      <c r="BL9" s="229"/>
      <c r="BM9" s="229"/>
      <c r="BN9" s="229"/>
      <c r="BO9" s="229"/>
      <c r="BP9" s="229"/>
      <c r="BQ9" s="234">
        <v>3</v>
      </c>
      <c r="BR9" s="235"/>
      <c r="BS9" s="809"/>
      <c r="BT9" s="810"/>
      <c r="BU9" s="810"/>
      <c r="BV9" s="810"/>
      <c r="BW9" s="810"/>
      <c r="BX9" s="810"/>
      <c r="BY9" s="810"/>
      <c r="BZ9" s="810"/>
      <c r="CA9" s="810"/>
      <c r="CB9" s="810"/>
      <c r="CC9" s="810"/>
      <c r="CD9" s="810"/>
      <c r="CE9" s="810"/>
      <c r="CF9" s="810"/>
      <c r="CG9" s="811"/>
      <c r="CH9" s="812"/>
      <c r="CI9" s="813"/>
      <c r="CJ9" s="813"/>
      <c r="CK9" s="813"/>
      <c r="CL9" s="814"/>
      <c r="CM9" s="812"/>
      <c r="CN9" s="813"/>
      <c r="CO9" s="813"/>
      <c r="CP9" s="813"/>
      <c r="CQ9" s="814"/>
      <c r="CR9" s="812"/>
      <c r="CS9" s="813"/>
      <c r="CT9" s="813"/>
      <c r="CU9" s="813"/>
      <c r="CV9" s="814"/>
      <c r="CW9" s="812"/>
      <c r="CX9" s="813"/>
      <c r="CY9" s="813"/>
      <c r="CZ9" s="813"/>
      <c r="DA9" s="814"/>
      <c r="DB9" s="812"/>
      <c r="DC9" s="813"/>
      <c r="DD9" s="813"/>
      <c r="DE9" s="813"/>
      <c r="DF9" s="814"/>
      <c r="DG9" s="812"/>
      <c r="DH9" s="813"/>
      <c r="DI9" s="813"/>
      <c r="DJ9" s="813"/>
      <c r="DK9" s="814"/>
      <c r="DL9" s="812"/>
      <c r="DM9" s="813"/>
      <c r="DN9" s="813"/>
      <c r="DO9" s="813"/>
      <c r="DP9" s="814"/>
      <c r="DQ9" s="812"/>
      <c r="DR9" s="813"/>
      <c r="DS9" s="813"/>
      <c r="DT9" s="813"/>
      <c r="DU9" s="814"/>
      <c r="DV9" s="809"/>
      <c r="DW9" s="810"/>
      <c r="DX9" s="810"/>
      <c r="DY9" s="810"/>
      <c r="DZ9" s="815"/>
      <c r="EA9" s="230"/>
    </row>
    <row r="10" spans="1:131" s="231" customFormat="1" ht="26.25" customHeight="1" x14ac:dyDescent="0.2">
      <c r="A10" s="234">
        <v>4</v>
      </c>
      <c r="B10" s="816"/>
      <c r="C10" s="817"/>
      <c r="D10" s="817"/>
      <c r="E10" s="817"/>
      <c r="F10" s="817"/>
      <c r="G10" s="817"/>
      <c r="H10" s="817"/>
      <c r="I10" s="817"/>
      <c r="J10" s="817"/>
      <c r="K10" s="817"/>
      <c r="L10" s="817"/>
      <c r="M10" s="817"/>
      <c r="N10" s="817"/>
      <c r="O10" s="817"/>
      <c r="P10" s="818"/>
      <c r="Q10" s="819"/>
      <c r="R10" s="820"/>
      <c r="S10" s="820"/>
      <c r="T10" s="820"/>
      <c r="U10" s="820"/>
      <c r="V10" s="820"/>
      <c r="W10" s="820"/>
      <c r="X10" s="820"/>
      <c r="Y10" s="820"/>
      <c r="Z10" s="820"/>
      <c r="AA10" s="820"/>
      <c r="AB10" s="820"/>
      <c r="AC10" s="820"/>
      <c r="AD10" s="820"/>
      <c r="AE10" s="821"/>
      <c r="AF10" s="822"/>
      <c r="AG10" s="823"/>
      <c r="AH10" s="823"/>
      <c r="AI10" s="823"/>
      <c r="AJ10" s="824"/>
      <c r="AK10" s="805"/>
      <c r="AL10" s="806"/>
      <c r="AM10" s="806"/>
      <c r="AN10" s="806"/>
      <c r="AO10" s="806"/>
      <c r="AP10" s="806"/>
      <c r="AQ10" s="806"/>
      <c r="AR10" s="806"/>
      <c r="AS10" s="806"/>
      <c r="AT10" s="806"/>
      <c r="AU10" s="807"/>
      <c r="AV10" s="807"/>
      <c r="AW10" s="807"/>
      <c r="AX10" s="807"/>
      <c r="AY10" s="808"/>
      <c r="AZ10" s="228"/>
      <c r="BA10" s="228"/>
      <c r="BB10" s="228"/>
      <c r="BC10" s="228"/>
      <c r="BD10" s="228"/>
      <c r="BE10" s="229"/>
      <c r="BF10" s="229"/>
      <c r="BG10" s="229"/>
      <c r="BH10" s="229"/>
      <c r="BI10" s="229"/>
      <c r="BJ10" s="229"/>
      <c r="BK10" s="229"/>
      <c r="BL10" s="229"/>
      <c r="BM10" s="229"/>
      <c r="BN10" s="229"/>
      <c r="BO10" s="229"/>
      <c r="BP10" s="229"/>
      <c r="BQ10" s="234">
        <v>4</v>
      </c>
      <c r="BR10" s="235"/>
      <c r="BS10" s="809"/>
      <c r="BT10" s="810"/>
      <c r="BU10" s="810"/>
      <c r="BV10" s="810"/>
      <c r="BW10" s="810"/>
      <c r="BX10" s="810"/>
      <c r="BY10" s="810"/>
      <c r="BZ10" s="810"/>
      <c r="CA10" s="810"/>
      <c r="CB10" s="810"/>
      <c r="CC10" s="810"/>
      <c r="CD10" s="810"/>
      <c r="CE10" s="810"/>
      <c r="CF10" s="810"/>
      <c r="CG10" s="811"/>
      <c r="CH10" s="812"/>
      <c r="CI10" s="813"/>
      <c r="CJ10" s="813"/>
      <c r="CK10" s="813"/>
      <c r="CL10" s="814"/>
      <c r="CM10" s="812"/>
      <c r="CN10" s="813"/>
      <c r="CO10" s="813"/>
      <c r="CP10" s="813"/>
      <c r="CQ10" s="814"/>
      <c r="CR10" s="812"/>
      <c r="CS10" s="813"/>
      <c r="CT10" s="813"/>
      <c r="CU10" s="813"/>
      <c r="CV10" s="814"/>
      <c r="CW10" s="812"/>
      <c r="CX10" s="813"/>
      <c r="CY10" s="813"/>
      <c r="CZ10" s="813"/>
      <c r="DA10" s="814"/>
      <c r="DB10" s="812"/>
      <c r="DC10" s="813"/>
      <c r="DD10" s="813"/>
      <c r="DE10" s="813"/>
      <c r="DF10" s="814"/>
      <c r="DG10" s="812"/>
      <c r="DH10" s="813"/>
      <c r="DI10" s="813"/>
      <c r="DJ10" s="813"/>
      <c r="DK10" s="814"/>
      <c r="DL10" s="812"/>
      <c r="DM10" s="813"/>
      <c r="DN10" s="813"/>
      <c r="DO10" s="813"/>
      <c r="DP10" s="814"/>
      <c r="DQ10" s="812"/>
      <c r="DR10" s="813"/>
      <c r="DS10" s="813"/>
      <c r="DT10" s="813"/>
      <c r="DU10" s="814"/>
      <c r="DV10" s="809"/>
      <c r="DW10" s="810"/>
      <c r="DX10" s="810"/>
      <c r="DY10" s="810"/>
      <c r="DZ10" s="815"/>
      <c r="EA10" s="230"/>
    </row>
    <row r="11" spans="1:131" s="231" customFormat="1" ht="26.25" customHeight="1" x14ac:dyDescent="0.2">
      <c r="A11" s="234">
        <v>5</v>
      </c>
      <c r="B11" s="816"/>
      <c r="C11" s="817"/>
      <c r="D11" s="817"/>
      <c r="E11" s="817"/>
      <c r="F11" s="817"/>
      <c r="G11" s="817"/>
      <c r="H11" s="817"/>
      <c r="I11" s="817"/>
      <c r="J11" s="817"/>
      <c r="K11" s="817"/>
      <c r="L11" s="817"/>
      <c r="M11" s="817"/>
      <c r="N11" s="817"/>
      <c r="O11" s="817"/>
      <c r="P11" s="818"/>
      <c r="Q11" s="819"/>
      <c r="R11" s="820"/>
      <c r="S11" s="820"/>
      <c r="T11" s="820"/>
      <c r="U11" s="820"/>
      <c r="V11" s="820"/>
      <c r="W11" s="820"/>
      <c r="X11" s="820"/>
      <c r="Y11" s="820"/>
      <c r="Z11" s="820"/>
      <c r="AA11" s="820"/>
      <c r="AB11" s="820"/>
      <c r="AC11" s="820"/>
      <c r="AD11" s="820"/>
      <c r="AE11" s="821"/>
      <c r="AF11" s="822"/>
      <c r="AG11" s="823"/>
      <c r="AH11" s="823"/>
      <c r="AI11" s="823"/>
      <c r="AJ11" s="824"/>
      <c r="AK11" s="805"/>
      <c r="AL11" s="806"/>
      <c r="AM11" s="806"/>
      <c r="AN11" s="806"/>
      <c r="AO11" s="806"/>
      <c r="AP11" s="806"/>
      <c r="AQ11" s="806"/>
      <c r="AR11" s="806"/>
      <c r="AS11" s="806"/>
      <c r="AT11" s="806"/>
      <c r="AU11" s="807"/>
      <c r="AV11" s="807"/>
      <c r="AW11" s="807"/>
      <c r="AX11" s="807"/>
      <c r="AY11" s="808"/>
      <c r="AZ11" s="228"/>
      <c r="BA11" s="228"/>
      <c r="BB11" s="228"/>
      <c r="BC11" s="228"/>
      <c r="BD11" s="228"/>
      <c r="BE11" s="229"/>
      <c r="BF11" s="229"/>
      <c r="BG11" s="229"/>
      <c r="BH11" s="229"/>
      <c r="BI11" s="229"/>
      <c r="BJ11" s="229"/>
      <c r="BK11" s="229"/>
      <c r="BL11" s="229"/>
      <c r="BM11" s="229"/>
      <c r="BN11" s="229"/>
      <c r="BO11" s="229"/>
      <c r="BP11" s="229"/>
      <c r="BQ11" s="234">
        <v>5</v>
      </c>
      <c r="BR11" s="235"/>
      <c r="BS11" s="809"/>
      <c r="BT11" s="810"/>
      <c r="BU11" s="810"/>
      <c r="BV11" s="810"/>
      <c r="BW11" s="810"/>
      <c r="BX11" s="810"/>
      <c r="BY11" s="810"/>
      <c r="BZ11" s="810"/>
      <c r="CA11" s="810"/>
      <c r="CB11" s="810"/>
      <c r="CC11" s="810"/>
      <c r="CD11" s="810"/>
      <c r="CE11" s="810"/>
      <c r="CF11" s="810"/>
      <c r="CG11" s="811"/>
      <c r="CH11" s="812"/>
      <c r="CI11" s="813"/>
      <c r="CJ11" s="813"/>
      <c r="CK11" s="813"/>
      <c r="CL11" s="814"/>
      <c r="CM11" s="812"/>
      <c r="CN11" s="813"/>
      <c r="CO11" s="813"/>
      <c r="CP11" s="813"/>
      <c r="CQ11" s="814"/>
      <c r="CR11" s="812"/>
      <c r="CS11" s="813"/>
      <c r="CT11" s="813"/>
      <c r="CU11" s="813"/>
      <c r="CV11" s="814"/>
      <c r="CW11" s="812"/>
      <c r="CX11" s="813"/>
      <c r="CY11" s="813"/>
      <c r="CZ11" s="813"/>
      <c r="DA11" s="814"/>
      <c r="DB11" s="812"/>
      <c r="DC11" s="813"/>
      <c r="DD11" s="813"/>
      <c r="DE11" s="813"/>
      <c r="DF11" s="814"/>
      <c r="DG11" s="812"/>
      <c r="DH11" s="813"/>
      <c r="DI11" s="813"/>
      <c r="DJ11" s="813"/>
      <c r="DK11" s="814"/>
      <c r="DL11" s="812"/>
      <c r="DM11" s="813"/>
      <c r="DN11" s="813"/>
      <c r="DO11" s="813"/>
      <c r="DP11" s="814"/>
      <c r="DQ11" s="812"/>
      <c r="DR11" s="813"/>
      <c r="DS11" s="813"/>
      <c r="DT11" s="813"/>
      <c r="DU11" s="814"/>
      <c r="DV11" s="809"/>
      <c r="DW11" s="810"/>
      <c r="DX11" s="810"/>
      <c r="DY11" s="810"/>
      <c r="DZ11" s="815"/>
      <c r="EA11" s="230"/>
    </row>
    <row r="12" spans="1:131" s="231" customFormat="1" ht="26.25" customHeight="1" x14ac:dyDescent="0.2">
      <c r="A12" s="234">
        <v>6</v>
      </c>
      <c r="B12" s="816"/>
      <c r="C12" s="817"/>
      <c r="D12" s="817"/>
      <c r="E12" s="817"/>
      <c r="F12" s="817"/>
      <c r="G12" s="817"/>
      <c r="H12" s="817"/>
      <c r="I12" s="817"/>
      <c r="J12" s="817"/>
      <c r="K12" s="817"/>
      <c r="L12" s="817"/>
      <c r="M12" s="817"/>
      <c r="N12" s="817"/>
      <c r="O12" s="817"/>
      <c r="P12" s="818"/>
      <c r="Q12" s="819"/>
      <c r="R12" s="820"/>
      <c r="S12" s="820"/>
      <c r="T12" s="820"/>
      <c r="U12" s="820"/>
      <c r="V12" s="820"/>
      <c r="W12" s="820"/>
      <c r="X12" s="820"/>
      <c r="Y12" s="820"/>
      <c r="Z12" s="820"/>
      <c r="AA12" s="820"/>
      <c r="AB12" s="820"/>
      <c r="AC12" s="820"/>
      <c r="AD12" s="820"/>
      <c r="AE12" s="821"/>
      <c r="AF12" s="822"/>
      <c r="AG12" s="823"/>
      <c r="AH12" s="823"/>
      <c r="AI12" s="823"/>
      <c r="AJ12" s="824"/>
      <c r="AK12" s="805"/>
      <c r="AL12" s="806"/>
      <c r="AM12" s="806"/>
      <c r="AN12" s="806"/>
      <c r="AO12" s="806"/>
      <c r="AP12" s="806"/>
      <c r="AQ12" s="806"/>
      <c r="AR12" s="806"/>
      <c r="AS12" s="806"/>
      <c r="AT12" s="806"/>
      <c r="AU12" s="807"/>
      <c r="AV12" s="807"/>
      <c r="AW12" s="807"/>
      <c r="AX12" s="807"/>
      <c r="AY12" s="808"/>
      <c r="AZ12" s="228"/>
      <c r="BA12" s="228"/>
      <c r="BB12" s="228"/>
      <c r="BC12" s="228"/>
      <c r="BD12" s="228"/>
      <c r="BE12" s="229"/>
      <c r="BF12" s="229"/>
      <c r="BG12" s="229"/>
      <c r="BH12" s="229"/>
      <c r="BI12" s="229"/>
      <c r="BJ12" s="229"/>
      <c r="BK12" s="229"/>
      <c r="BL12" s="229"/>
      <c r="BM12" s="229"/>
      <c r="BN12" s="229"/>
      <c r="BO12" s="229"/>
      <c r="BP12" s="229"/>
      <c r="BQ12" s="234">
        <v>6</v>
      </c>
      <c r="BR12" s="235"/>
      <c r="BS12" s="809"/>
      <c r="BT12" s="810"/>
      <c r="BU12" s="810"/>
      <c r="BV12" s="810"/>
      <c r="BW12" s="810"/>
      <c r="BX12" s="810"/>
      <c r="BY12" s="810"/>
      <c r="BZ12" s="810"/>
      <c r="CA12" s="810"/>
      <c r="CB12" s="810"/>
      <c r="CC12" s="810"/>
      <c r="CD12" s="810"/>
      <c r="CE12" s="810"/>
      <c r="CF12" s="810"/>
      <c r="CG12" s="811"/>
      <c r="CH12" s="812"/>
      <c r="CI12" s="813"/>
      <c r="CJ12" s="813"/>
      <c r="CK12" s="813"/>
      <c r="CL12" s="814"/>
      <c r="CM12" s="812"/>
      <c r="CN12" s="813"/>
      <c r="CO12" s="813"/>
      <c r="CP12" s="813"/>
      <c r="CQ12" s="814"/>
      <c r="CR12" s="812"/>
      <c r="CS12" s="813"/>
      <c r="CT12" s="813"/>
      <c r="CU12" s="813"/>
      <c r="CV12" s="814"/>
      <c r="CW12" s="812"/>
      <c r="CX12" s="813"/>
      <c r="CY12" s="813"/>
      <c r="CZ12" s="813"/>
      <c r="DA12" s="814"/>
      <c r="DB12" s="812"/>
      <c r="DC12" s="813"/>
      <c r="DD12" s="813"/>
      <c r="DE12" s="813"/>
      <c r="DF12" s="814"/>
      <c r="DG12" s="812"/>
      <c r="DH12" s="813"/>
      <c r="DI12" s="813"/>
      <c r="DJ12" s="813"/>
      <c r="DK12" s="814"/>
      <c r="DL12" s="812"/>
      <c r="DM12" s="813"/>
      <c r="DN12" s="813"/>
      <c r="DO12" s="813"/>
      <c r="DP12" s="814"/>
      <c r="DQ12" s="812"/>
      <c r="DR12" s="813"/>
      <c r="DS12" s="813"/>
      <c r="DT12" s="813"/>
      <c r="DU12" s="814"/>
      <c r="DV12" s="809"/>
      <c r="DW12" s="810"/>
      <c r="DX12" s="810"/>
      <c r="DY12" s="810"/>
      <c r="DZ12" s="815"/>
      <c r="EA12" s="230"/>
    </row>
    <row r="13" spans="1:131" s="231" customFormat="1" ht="26.25" customHeight="1" x14ac:dyDescent="0.2">
      <c r="A13" s="234">
        <v>7</v>
      </c>
      <c r="B13" s="816"/>
      <c r="C13" s="817"/>
      <c r="D13" s="817"/>
      <c r="E13" s="817"/>
      <c r="F13" s="817"/>
      <c r="G13" s="817"/>
      <c r="H13" s="817"/>
      <c r="I13" s="817"/>
      <c r="J13" s="817"/>
      <c r="K13" s="817"/>
      <c r="L13" s="817"/>
      <c r="M13" s="817"/>
      <c r="N13" s="817"/>
      <c r="O13" s="817"/>
      <c r="P13" s="818"/>
      <c r="Q13" s="819"/>
      <c r="R13" s="820"/>
      <c r="S13" s="820"/>
      <c r="T13" s="820"/>
      <c r="U13" s="820"/>
      <c r="V13" s="820"/>
      <c r="W13" s="820"/>
      <c r="X13" s="820"/>
      <c r="Y13" s="820"/>
      <c r="Z13" s="820"/>
      <c r="AA13" s="820"/>
      <c r="AB13" s="820"/>
      <c r="AC13" s="820"/>
      <c r="AD13" s="820"/>
      <c r="AE13" s="821"/>
      <c r="AF13" s="822"/>
      <c r="AG13" s="823"/>
      <c r="AH13" s="823"/>
      <c r="AI13" s="823"/>
      <c r="AJ13" s="824"/>
      <c r="AK13" s="805"/>
      <c r="AL13" s="806"/>
      <c r="AM13" s="806"/>
      <c r="AN13" s="806"/>
      <c r="AO13" s="806"/>
      <c r="AP13" s="806"/>
      <c r="AQ13" s="806"/>
      <c r="AR13" s="806"/>
      <c r="AS13" s="806"/>
      <c r="AT13" s="806"/>
      <c r="AU13" s="807"/>
      <c r="AV13" s="807"/>
      <c r="AW13" s="807"/>
      <c r="AX13" s="807"/>
      <c r="AY13" s="808"/>
      <c r="AZ13" s="228"/>
      <c r="BA13" s="228"/>
      <c r="BB13" s="228"/>
      <c r="BC13" s="228"/>
      <c r="BD13" s="228"/>
      <c r="BE13" s="229"/>
      <c r="BF13" s="229"/>
      <c r="BG13" s="229"/>
      <c r="BH13" s="229"/>
      <c r="BI13" s="229"/>
      <c r="BJ13" s="229"/>
      <c r="BK13" s="229"/>
      <c r="BL13" s="229"/>
      <c r="BM13" s="229"/>
      <c r="BN13" s="229"/>
      <c r="BO13" s="229"/>
      <c r="BP13" s="229"/>
      <c r="BQ13" s="234">
        <v>7</v>
      </c>
      <c r="BR13" s="235"/>
      <c r="BS13" s="809"/>
      <c r="BT13" s="810"/>
      <c r="BU13" s="810"/>
      <c r="BV13" s="810"/>
      <c r="BW13" s="810"/>
      <c r="BX13" s="810"/>
      <c r="BY13" s="810"/>
      <c r="BZ13" s="810"/>
      <c r="CA13" s="810"/>
      <c r="CB13" s="810"/>
      <c r="CC13" s="810"/>
      <c r="CD13" s="810"/>
      <c r="CE13" s="810"/>
      <c r="CF13" s="810"/>
      <c r="CG13" s="811"/>
      <c r="CH13" s="812"/>
      <c r="CI13" s="813"/>
      <c r="CJ13" s="813"/>
      <c r="CK13" s="813"/>
      <c r="CL13" s="814"/>
      <c r="CM13" s="812"/>
      <c r="CN13" s="813"/>
      <c r="CO13" s="813"/>
      <c r="CP13" s="813"/>
      <c r="CQ13" s="814"/>
      <c r="CR13" s="812"/>
      <c r="CS13" s="813"/>
      <c r="CT13" s="813"/>
      <c r="CU13" s="813"/>
      <c r="CV13" s="814"/>
      <c r="CW13" s="812"/>
      <c r="CX13" s="813"/>
      <c r="CY13" s="813"/>
      <c r="CZ13" s="813"/>
      <c r="DA13" s="814"/>
      <c r="DB13" s="812"/>
      <c r="DC13" s="813"/>
      <c r="DD13" s="813"/>
      <c r="DE13" s="813"/>
      <c r="DF13" s="814"/>
      <c r="DG13" s="812"/>
      <c r="DH13" s="813"/>
      <c r="DI13" s="813"/>
      <c r="DJ13" s="813"/>
      <c r="DK13" s="814"/>
      <c r="DL13" s="812"/>
      <c r="DM13" s="813"/>
      <c r="DN13" s="813"/>
      <c r="DO13" s="813"/>
      <c r="DP13" s="814"/>
      <c r="DQ13" s="812"/>
      <c r="DR13" s="813"/>
      <c r="DS13" s="813"/>
      <c r="DT13" s="813"/>
      <c r="DU13" s="814"/>
      <c r="DV13" s="809"/>
      <c r="DW13" s="810"/>
      <c r="DX13" s="810"/>
      <c r="DY13" s="810"/>
      <c r="DZ13" s="815"/>
      <c r="EA13" s="230"/>
    </row>
    <row r="14" spans="1:131" s="231" customFormat="1" ht="26.25" customHeight="1" x14ac:dyDescent="0.2">
      <c r="A14" s="234">
        <v>8</v>
      </c>
      <c r="B14" s="816"/>
      <c r="C14" s="817"/>
      <c r="D14" s="817"/>
      <c r="E14" s="817"/>
      <c r="F14" s="817"/>
      <c r="G14" s="817"/>
      <c r="H14" s="817"/>
      <c r="I14" s="817"/>
      <c r="J14" s="817"/>
      <c r="K14" s="817"/>
      <c r="L14" s="817"/>
      <c r="M14" s="817"/>
      <c r="N14" s="817"/>
      <c r="O14" s="817"/>
      <c r="P14" s="818"/>
      <c r="Q14" s="819"/>
      <c r="R14" s="820"/>
      <c r="S14" s="820"/>
      <c r="T14" s="820"/>
      <c r="U14" s="820"/>
      <c r="V14" s="820"/>
      <c r="W14" s="820"/>
      <c r="X14" s="820"/>
      <c r="Y14" s="820"/>
      <c r="Z14" s="820"/>
      <c r="AA14" s="820"/>
      <c r="AB14" s="820"/>
      <c r="AC14" s="820"/>
      <c r="AD14" s="820"/>
      <c r="AE14" s="821"/>
      <c r="AF14" s="822"/>
      <c r="AG14" s="823"/>
      <c r="AH14" s="823"/>
      <c r="AI14" s="823"/>
      <c r="AJ14" s="824"/>
      <c r="AK14" s="805"/>
      <c r="AL14" s="806"/>
      <c r="AM14" s="806"/>
      <c r="AN14" s="806"/>
      <c r="AO14" s="806"/>
      <c r="AP14" s="806"/>
      <c r="AQ14" s="806"/>
      <c r="AR14" s="806"/>
      <c r="AS14" s="806"/>
      <c r="AT14" s="806"/>
      <c r="AU14" s="807"/>
      <c r="AV14" s="807"/>
      <c r="AW14" s="807"/>
      <c r="AX14" s="807"/>
      <c r="AY14" s="808"/>
      <c r="AZ14" s="228"/>
      <c r="BA14" s="228"/>
      <c r="BB14" s="228"/>
      <c r="BC14" s="228"/>
      <c r="BD14" s="228"/>
      <c r="BE14" s="229"/>
      <c r="BF14" s="229"/>
      <c r="BG14" s="229"/>
      <c r="BH14" s="229"/>
      <c r="BI14" s="229"/>
      <c r="BJ14" s="229"/>
      <c r="BK14" s="229"/>
      <c r="BL14" s="229"/>
      <c r="BM14" s="229"/>
      <c r="BN14" s="229"/>
      <c r="BO14" s="229"/>
      <c r="BP14" s="229"/>
      <c r="BQ14" s="234">
        <v>8</v>
      </c>
      <c r="BR14" s="235"/>
      <c r="BS14" s="809"/>
      <c r="BT14" s="810"/>
      <c r="BU14" s="810"/>
      <c r="BV14" s="810"/>
      <c r="BW14" s="810"/>
      <c r="BX14" s="810"/>
      <c r="BY14" s="810"/>
      <c r="BZ14" s="810"/>
      <c r="CA14" s="810"/>
      <c r="CB14" s="810"/>
      <c r="CC14" s="810"/>
      <c r="CD14" s="810"/>
      <c r="CE14" s="810"/>
      <c r="CF14" s="810"/>
      <c r="CG14" s="811"/>
      <c r="CH14" s="812"/>
      <c r="CI14" s="813"/>
      <c r="CJ14" s="813"/>
      <c r="CK14" s="813"/>
      <c r="CL14" s="814"/>
      <c r="CM14" s="812"/>
      <c r="CN14" s="813"/>
      <c r="CO14" s="813"/>
      <c r="CP14" s="813"/>
      <c r="CQ14" s="814"/>
      <c r="CR14" s="812"/>
      <c r="CS14" s="813"/>
      <c r="CT14" s="813"/>
      <c r="CU14" s="813"/>
      <c r="CV14" s="814"/>
      <c r="CW14" s="812"/>
      <c r="CX14" s="813"/>
      <c r="CY14" s="813"/>
      <c r="CZ14" s="813"/>
      <c r="DA14" s="814"/>
      <c r="DB14" s="812"/>
      <c r="DC14" s="813"/>
      <c r="DD14" s="813"/>
      <c r="DE14" s="813"/>
      <c r="DF14" s="814"/>
      <c r="DG14" s="812"/>
      <c r="DH14" s="813"/>
      <c r="DI14" s="813"/>
      <c r="DJ14" s="813"/>
      <c r="DK14" s="814"/>
      <c r="DL14" s="812"/>
      <c r="DM14" s="813"/>
      <c r="DN14" s="813"/>
      <c r="DO14" s="813"/>
      <c r="DP14" s="814"/>
      <c r="DQ14" s="812"/>
      <c r="DR14" s="813"/>
      <c r="DS14" s="813"/>
      <c r="DT14" s="813"/>
      <c r="DU14" s="814"/>
      <c r="DV14" s="809"/>
      <c r="DW14" s="810"/>
      <c r="DX14" s="810"/>
      <c r="DY14" s="810"/>
      <c r="DZ14" s="815"/>
      <c r="EA14" s="230"/>
    </row>
    <row r="15" spans="1:131" s="231" customFormat="1" ht="26.25" customHeight="1" x14ac:dyDescent="0.2">
      <c r="A15" s="234">
        <v>9</v>
      </c>
      <c r="B15" s="816"/>
      <c r="C15" s="817"/>
      <c r="D15" s="817"/>
      <c r="E15" s="817"/>
      <c r="F15" s="817"/>
      <c r="G15" s="817"/>
      <c r="H15" s="817"/>
      <c r="I15" s="817"/>
      <c r="J15" s="817"/>
      <c r="K15" s="817"/>
      <c r="L15" s="817"/>
      <c r="M15" s="817"/>
      <c r="N15" s="817"/>
      <c r="O15" s="817"/>
      <c r="P15" s="818"/>
      <c r="Q15" s="819"/>
      <c r="R15" s="820"/>
      <c r="S15" s="820"/>
      <c r="T15" s="820"/>
      <c r="U15" s="820"/>
      <c r="V15" s="820"/>
      <c r="W15" s="820"/>
      <c r="X15" s="820"/>
      <c r="Y15" s="820"/>
      <c r="Z15" s="820"/>
      <c r="AA15" s="820"/>
      <c r="AB15" s="820"/>
      <c r="AC15" s="820"/>
      <c r="AD15" s="820"/>
      <c r="AE15" s="821"/>
      <c r="AF15" s="822"/>
      <c r="AG15" s="823"/>
      <c r="AH15" s="823"/>
      <c r="AI15" s="823"/>
      <c r="AJ15" s="824"/>
      <c r="AK15" s="805"/>
      <c r="AL15" s="806"/>
      <c r="AM15" s="806"/>
      <c r="AN15" s="806"/>
      <c r="AO15" s="806"/>
      <c r="AP15" s="806"/>
      <c r="AQ15" s="806"/>
      <c r="AR15" s="806"/>
      <c r="AS15" s="806"/>
      <c r="AT15" s="806"/>
      <c r="AU15" s="807"/>
      <c r="AV15" s="807"/>
      <c r="AW15" s="807"/>
      <c r="AX15" s="807"/>
      <c r="AY15" s="808"/>
      <c r="AZ15" s="228"/>
      <c r="BA15" s="228"/>
      <c r="BB15" s="228"/>
      <c r="BC15" s="228"/>
      <c r="BD15" s="228"/>
      <c r="BE15" s="229"/>
      <c r="BF15" s="229"/>
      <c r="BG15" s="229"/>
      <c r="BH15" s="229"/>
      <c r="BI15" s="229"/>
      <c r="BJ15" s="229"/>
      <c r="BK15" s="229"/>
      <c r="BL15" s="229"/>
      <c r="BM15" s="229"/>
      <c r="BN15" s="229"/>
      <c r="BO15" s="229"/>
      <c r="BP15" s="229"/>
      <c r="BQ15" s="234">
        <v>9</v>
      </c>
      <c r="BR15" s="235"/>
      <c r="BS15" s="809"/>
      <c r="BT15" s="810"/>
      <c r="BU15" s="810"/>
      <c r="BV15" s="810"/>
      <c r="BW15" s="810"/>
      <c r="BX15" s="810"/>
      <c r="BY15" s="810"/>
      <c r="BZ15" s="810"/>
      <c r="CA15" s="810"/>
      <c r="CB15" s="810"/>
      <c r="CC15" s="810"/>
      <c r="CD15" s="810"/>
      <c r="CE15" s="810"/>
      <c r="CF15" s="810"/>
      <c r="CG15" s="811"/>
      <c r="CH15" s="812"/>
      <c r="CI15" s="813"/>
      <c r="CJ15" s="813"/>
      <c r="CK15" s="813"/>
      <c r="CL15" s="814"/>
      <c r="CM15" s="812"/>
      <c r="CN15" s="813"/>
      <c r="CO15" s="813"/>
      <c r="CP15" s="813"/>
      <c r="CQ15" s="814"/>
      <c r="CR15" s="812"/>
      <c r="CS15" s="813"/>
      <c r="CT15" s="813"/>
      <c r="CU15" s="813"/>
      <c r="CV15" s="814"/>
      <c r="CW15" s="812"/>
      <c r="CX15" s="813"/>
      <c r="CY15" s="813"/>
      <c r="CZ15" s="813"/>
      <c r="DA15" s="814"/>
      <c r="DB15" s="812"/>
      <c r="DC15" s="813"/>
      <c r="DD15" s="813"/>
      <c r="DE15" s="813"/>
      <c r="DF15" s="814"/>
      <c r="DG15" s="812"/>
      <c r="DH15" s="813"/>
      <c r="DI15" s="813"/>
      <c r="DJ15" s="813"/>
      <c r="DK15" s="814"/>
      <c r="DL15" s="812"/>
      <c r="DM15" s="813"/>
      <c r="DN15" s="813"/>
      <c r="DO15" s="813"/>
      <c r="DP15" s="814"/>
      <c r="DQ15" s="812"/>
      <c r="DR15" s="813"/>
      <c r="DS15" s="813"/>
      <c r="DT15" s="813"/>
      <c r="DU15" s="814"/>
      <c r="DV15" s="809"/>
      <c r="DW15" s="810"/>
      <c r="DX15" s="810"/>
      <c r="DY15" s="810"/>
      <c r="DZ15" s="815"/>
      <c r="EA15" s="230"/>
    </row>
    <row r="16" spans="1:131" s="231" customFormat="1" ht="26.25" customHeight="1" x14ac:dyDescent="0.2">
      <c r="A16" s="234">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28"/>
      <c r="BA16" s="228"/>
      <c r="BB16" s="228"/>
      <c r="BC16" s="228"/>
      <c r="BD16" s="228"/>
      <c r="BE16" s="229"/>
      <c r="BF16" s="229"/>
      <c r="BG16" s="229"/>
      <c r="BH16" s="229"/>
      <c r="BI16" s="229"/>
      <c r="BJ16" s="229"/>
      <c r="BK16" s="229"/>
      <c r="BL16" s="229"/>
      <c r="BM16" s="229"/>
      <c r="BN16" s="229"/>
      <c r="BO16" s="229"/>
      <c r="BP16" s="229"/>
      <c r="BQ16" s="234">
        <v>10</v>
      </c>
      <c r="BR16" s="235"/>
      <c r="BS16" s="809"/>
      <c r="BT16" s="810"/>
      <c r="BU16" s="810"/>
      <c r="BV16" s="810"/>
      <c r="BW16" s="810"/>
      <c r="BX16" s="810"/>
      <c r="BY16" s="810"/>
      <c r="BZ16" s="810"/>
      <c r="CA16" s="810"/>
      <c r="CB16" s="810"/>
      <c r="CC16" s="810"/>
      <c r="CD16" s="810"/>
      <c r="CE16" s="810"/>
      <c r="CF16" s="810"/>
      <c r="CG16" s="811"/>
      <c r="CH16" s="812"/>
      <c r="CI16" s="813"/>
      <c r="CJ16" s="813"/>
      <c r="CK16" s="813"/>
      <c r="CL16" s="814"/>
      <c r="CM16" s="812"/>
      <c r="CN16" s="813"/>
      <c r="CO16" s="813"/>
      <c r="CP16" s="813"/>
      <c r="CQ16" s="814"/>
      <c r="CR16" s="812"/>
      <c r="CS16" s="813"/>
      <c r="CT16" s="813"/>
      <c r="CU16" s="813"/>
      <c r="CV16" s="814"/>
      <c r="CW16" s="812"/>
      <c r="CX16" s="813"/>
      <c r="CY16" s="813"/>
      <c r="CZ16" s="813"/>
      <c r="DA16" s="814"/>
      <c r="DB16" s="812"/>
      <c r="DC16" s="813"/>
      <c r="DD16" s="813"/>
      <c r="DE16" s="813"/>
      <c r="DF16" s="814"/>
      <c r="DG16" s="812"/>
      <c r="DH16" s="813"/>
      <c r="DI16" s="813"/>
      <c r="DJ16" s="813"/>
      <c r="DK16" s="814"/>
      <c r="DL16" s="812"/>
      <c r="DM16" s="813"/>
      <c r="DN16" s="813"/>
      <c r="DO16" s="813"/>
      <c r="DP16" s="814"/>
      <c r="DQ16" s="812"/>
      <c r="DR16" s="813"/>
      <c r="DS16" s="813"/>
      <c r="DT16" s="813"/>
      <c r="DU16" s="814"/>
      <c r="DV16" s="809"/>
      <c r="DW16" s="810"/>
      <c r="DX16" s="810"/>
      <c r="DY16" s="810"/>
      <c r="DZ16" s="815"/>
      <c r="EA16" s="230"/>
    </row>
    <row r="17" spans="1:131" s="231" customFormat="1" ht="26.25" customHeight="1" x14ac:dyDescent="0.2">
      <c r="A17" s="234">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28"/>
      <c r="BA17" s="228"/>
      <c r="BB17" s="228"/>
      <c r="BC17" s="228"/>
      <c r="BD17" s="228"/>
      <c r="BE17" s="229"/>
      <c r="BF17" s="229"/>
      <c r="BG17" s="229"/>
      <c r="BH17" s="229"/>
      <c r="BI17" s="229"/>
      <c r="BJ17" s="229"/>
      <c r="BK17" s="229"/>
      <c r="BL17" s="229"/>
      <c r="BM17" s="229"/>
      <c r="BN17" s="229"/>
      <c r="BO17" s="229"/>
      <c r="BP17" s="229"/>
      <c r="BQ17" s="234">
        <v>11</v>
      </c>
      <c r="BR17" s="235"/>
      <c r="BS17" s="809"/>
      <c r="BT17" s="810"/>
      <c r="BU17" s="810"/>
      <c r="BV17" s="810"/>
      <c r="BW17" s="810"/>
      <c r="BX17" s="810"/>
      <c r="BY17" s="810"/>
      <c r="BZ17" s="810"/>
      <c r="CA17" s="810"/>
      <c r="CB17" s="810"/>
      <c r="CC17" s="810"/>
      <c r="CD17" s="810"/>
      <c r="CE17" s="810"/>
      <c r="CF17" s="810"/>
      <c r="CG17" s="811"/>
      <c r="CH17" s="812"/>
      <c r="CI17" s="813"/>
      <c r="CJ17" s="813"/>
      <c r="CK17" s="813"/>
      <c r="CL17" s="814"/>
      <c r="CM17" s="812"/>
      <c r="CN17" s="813"/>
      <c r="CO17" s="813"/>
      <c r="CP17" s="813"/>
      <c r="CQ17" s="814"/>
      <c r="CR17" s="812"/>
      <c r="CS17" s="813"/>
      <c r="CT17" s="813"/>
      <c r="CU17" s="813"/>
      <c r="CV17" s="814"/>
      <c r="CW17" s="812"/>
      <c r="CX17" s="813"/>
      <c r="CY17" s="813"/>
      <c r="CZ17" s="813"/>
      <c r="DA17" s="814"/>
      <c r="DB17" s="812"/>
      <c r="DC17" s="813"/>
      <c r="DD17" s="813"/>
      <c r="DE17" s="813"/>
      <c r="DF17" s="814"/>
      <c r="DG17" s="812"/>
      <c r="DH17" s="813"/>
      <c r="DI17" s="813"/>
      <c r="DJ17" s="813"/>
      <c r="DK17" s="814"/>
      <c r="DL17" s="812"/>
      <c r="DM17" s="813"/>
      <c r="DN17" s="813"/>
      <c r="DO17" s="813"/>
      <c r="DP17" s="814"/>
      <c r="DQ17" s="812"/>
      <c r="DR17" s="813"/>
      <c r="DS17" s="813"/>
      <c r="DT17" s="813"/>
      <c r="DU17" s="814"/>
      <c r="DV17" s="809"/>
      <c r="DW17" s="810"/>
      <c r="DX17" s="810"/>
      <c r="DY17" s="810"/>
      <c r="DZ17" s="815"/>
      <c r="EA17" s="230"/>
    </row>
    <row r="18" spans="1:131" s="231" customFormat="1" ht="26.25" customHeight="1" x14ac:dyDescent="0.2">
      <c r="A18" s="234">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28"/>
      <c r="BA18" s="228"/>
      <c r="BB18" s="228"/>
      <c r="BC18" s="228"/>
      <c r="BD18" s="228"/>
      <c r="BE18" s="229"/>
      <c r="BF18" s="229"/>
      <c r="BG18" s="229"/>
      <c r="BH18" s="229"/>
      <c r="BI18" s="229"/>
      <c r="BJ18" s="229"/>
      <c r="BK18" s="229"/>
      <c r="BL18" s="229"/>
      <c r="BM18" s="229"/>
      <c r="BN18" s="229"/>
      <c r="BO18" s="229"/>
      <c r="BP18" s="229"/>
      <c r="BQ18" s="234">
        <v>12</v>
      </c>
      <c r="BR18" s="235"/>
      <c r="BS18" s="809"/>
      <c r="BT18" s="810"/>
      <c r="BU18" s="810"/>
      <c r="BV18" s="810"/>
      <c r="BW18" s="810"/>
      <c r="BX18" s="810"/>
      <c r="BY18" s="810"/>
      <c r="BZ18" s="810"/>
      <c r="CA18" s="810"/>
      <c r="CB18" s="810"/>
      <c r="CC18" s="810"/>
      <c r="CD18" s="810"/>
      <c r="CE18" s="810"/>
      <c r="CF18" s="810"/>
      <c r="CG18" s="811"/>
      <c r="CH18" s="812"/>
      <c r="CI18" s="813"/>
      <c r="CJ18" s="813"/>
      <c r="CK18" s="813"/>
      <c r="CL18" s="814"/>
      <c r="CM18" s="812"/>
      <c r="CN18" s="813"/>
      <c r="CO18" s="813"/>
      <c r="CP18" s="813"/>
      <c r="CQ18" s="814"/>
      <c r="CR18" s="812"/>
      <c r="CS18" s="813"/>
      <c r="CT18" s="813"/>
      <c r="CU18" s="813"/>
      <c r="CV18" s="814"/>
      <c r="CW18" s="812"/>
      <c r="CX18" s="813"/>
      <c r="CY18" s="813"/>
      <c r="CZ18" s="813"/>
      <c r="DA18" s="814"/>
      <c r="DB18" s="812"/>
      <c r="DC18" s="813"/>
      <c r="DD18" s="813"/>
      <c r="DE18" s="813"/>
      <c r="DF18" s="814"/>
      <c r="DG18" s="812"/>
      <c r="DH18" s="813"/>
      <c r="DI18" s="813"/>
      <c r="DJ18" s="813"/>
      <c r="DK18" s="814"/>
      <c r="DL18" s="812"/>
      <c r="DM18" s="813"/>
      <c r="DN18" s="813"/>
      <c r="DO18" s="813"/>
      <c r="DP18" s="814"/>
      <c r="DQ18" s="812"/>
      <c r="DR18" s="813"/>
      <c r="DS18" s="813"/>
      <c r="DT18" s="813"/>
      <c r="DU18" s="814"/>
      <c r="DV18" s="809"/>
      <c r="DW18" s="810"/>
      <c r="DX18" s="810"/>
      <c r="DY18" s="810"/>
      <c r="DZ18" s="815"/>
      <c r="EA18" s="230"/>
    </row>
    <row r="19" spans="1:131" s="231" customFormat="1" ht="26.25" customHeight="1" x14ac:dyDescent="0.2">
      <c r="A19" s="234">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28"/>
      <c r="BA19" s="228"/>
      <c r="BB19" s="228"/>
      <c r="BC19" s="228"/>
      <c r="BD19" s="228"/>
      <c r="BE19" s="229"/>
      <c r="BF19" s="229"/>
      <c r="BG19" s="229"/>
      <c r="BH19" s="229"/>
      <c r="BI19" s="229"/>
      <c r="BJ19" s="229"/>
      <c r="BK19" s="229"/>
      <c r="BL19" s="229"/>
      <c r="BM19" s="229"/>
      <c r="BN19" s="229"/>
      <c r="BO19" s="229"/>
      <c r="BP19" s="229"/>
      <c r="BQ19" s="234">
        <v>13</v>
      </c>
      <c r="BR19" s="235"/>
      <c r="BS19" s="809"/>
      <c r="BT19" s="810"/>
      <c r="BU19" s="810"/>
      <c r="BV19" s="810"/>
      <c r="BW19" s="810"/>
      <c r="BX19" s="810"/>
      <c r="BY19" s="810"/>
      <c r="BZ19" s="810"/>
      <c r="CA19" s="810"/>
      <c r="CB19" s="810"/>
      <c r="CC19" s="810"/>
      <c r="CD19" s="810"/>
      <c r="CE19" s="810"/>
      <c r="CF19" s="810"/>
      <c r="CG19" s="811"/>
      <c r="CH19" s="812"/>
      <c r="CI19" s="813"/>
      <c r="CJ19" s="813"/>
      <c r="CK19" s="813"/>
      <c r="CL19" s="814"/>
      <c r="CM19" s="812"/>
      <c r="CN19" s="813"/>
      <c r="CO19" s="813"/>
      <c r="CP19" s="813"/>
      <c r="CQ19" s="814"/>
      <c r="CR19" s="812"/>
      <c r="CS19" s="813"/>
      <c r="CT19" s="813"/>
      <c r="CU19" s="813"/>
      <c r="CV19" s="814"/>
      <c r="CW19" s="812"/>
      <c r="CX19" s="813"/>
      <c r="CY19" s="813"/>
      <c r="CZ19" s="813"/>
      <c r="DA19" s="814"/>
      <c r="DB19" s="812"/>
      <c r="DC19" s="813"/>
      <c r="DD19" s="813"/>
      <c r="DE19" s="813"/>
      <c r="DF19" s="814"/>
      <c r="DG19" s="812"/>
      <c r="DH19" s="813"/>
      <c r="DI19" s="813"/>
      <c r="DJ19" s="813"/>
      <c r="DK19" s="814"/>
      <c r="DL19" s="812"/>
      <c r="DM19" s="813"/>
      <c r="DN19" s="813"/>
      <c r="DO19" s="813"/>
      <c r="DP19" s="814"/>
      <c r="DQ19" s="812"/>
      <c r="DR19" s="813"/>
      <c r="DS19" s="813"/>
      <c r="DT19" s="813"/>
      <c r="DU19" s="814"/>
      <c r="DV19" s="809"/>
      <c r="DW19" s="810"/>
      <c r="DX19" s="810"/>
      <c r="DY19" s="810"/>
      <c r="DZ19" s="815"/>
      <c r="EA19" s="230"/>
    </row>
    <row r="20" spans="1:131" s="231" customFormat="1" ht="26.25" customHeight="1" x14ac:dyDescent="0.2">
      <c r="A20" s="234">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28"/>
      <c r="BA20" s="228"/>
      <c r="BB20" s="228"/>
      <c r="BC20" s="228"/>
      <c r="BD20" s="228"/>
      <c r="BE20" s="229"/>
      <c r="BF20" s="229"/>
      <c r="BG20" s="229"/>
      <c r="BH20" s="229"/>
      <c r="BI20" s="229"/>
      <c r="BJ20" s="229"/>
      <c r="BK20" s="229"/>
      <c r="BL20" s="229"/>
      <c r="BM20" s="229"/>
      <c r="BN20" s="229"/>
      <c r="BO20" s="229"/>
      <c r="BP20" s="229"/>
      <c r="BQ20" s="234">
        <v>14</v>
      </c>
      <c r="BR20" s="235"/>
      <c r="BS20" s="809"/>
      <c r="BT20" s="810"/>
      <c r="BU20" s="810"/>
      <c r="BV20" s="810"/>
      <c r="BW20" s="810"/>
      <c r="BX20" s="810"/>
      <c r="BY20" s="810"/>
      <c r="BZ20" s="810"/>
      <c r="CA20" s="810"/>
      <c r="CB20" s="810"/>
      <c r="CC20" s="810"/>
      <c r="CD20" s="810"/>
      <c r="CE20" s="810"/>
      <c r="CF20" s="810"/>
      <c r="CG20" s="811"/>
      <c r="CH20" s="812"/>
      <c r="CI20" s="813"/>
      <c r="CJ20" s="813"/>
      <c r="CK20" s="813"/>
      <c r="CL20" s="814"/>
      <c r="CM20" s="812"/>
      <c r="CN20" s="813"/>
      <c r="CO20" s="813"/>
      <c r="CP20" s="813"/>
      <c r="CQ20" s="814"/>
      <c r="CR20" s="812"/>
      <c r="CS20" s="813"/>
      <c r="CT20" s="813"/>
      <c r="CU20" s="813"/>
      <c r="CV20" s="814"/>
      <c r="CW20" s="812"/>
      <c r="CX20" s="813"/>
      <c r="CY20" s="813"/>
      <c r="CZ20" s="813"/>
      <c r="DA20" s="814"/>
      <c r="DB20" s="812"/>
      <c r="DC20" s="813"/>
      <c r="DD20" s="813"/>
      <c r="DE20" s="813"/>
      <c r="DF20" s="814"/>
      <c r="DG20" s="812"/>
      <c r="DH20" s="813"/>
      <c r="DI20" s="813"/>
      <c r="DJ20" s="813"/>
      <c r="DK20" s="814"/>
      <c r="DL20" s="812"/>
      <c r="DM20" s="813"/>
      <c r="DN20" s="813"/>
      <c r="DO20" s="813"/>
      <c r="DP20" s="814"/>
      <c r="DQ20" s="812"/>
      <c r="DR20" s="813"/>
      <c r="DS20" s="813"/>
      <c r="DT20" s="813"/>
      <c r="DU20" s="814"/>
      <c r="DV20" s="809"/>
      <c r="DW20" s="810"/>
      <c r="DX20" s="810"/>
      <c r="DY20" s="810"/>
      <c r="DZ20" s="815"/>
      <c r="EA20" s="230"/>
    </row>
    <row r="21" spans="1:131" s="231" customFormat="1" ht="26.25" customHeight="1" thickBot="1" x14ac:dyDescent="0.25">
      <c r="A21" s="234">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28"/>
      <c r="BA21" s="228"/>
      <c r="BB21" s="228"/>
      <c r="BC21" s="228"/>
      <c r="BD21" s="228"/>
      <c r="BE21" s="229"/>
      <c r="BF21" s="229"/>
      <c r="BG21" s="229"/>
      <c r="BH21" s="229"/>
      <c r="BI21" s="229"/>
      <c r="BJ21" s="229"/>
      <c r="BK21" s="229"/>
      <c r="BL21" s="229"/>
      <c r="BM21" s="229"/>
      <c r="BN21" s="229"/>
      <c r="BO21" s="229"/>
      <c r="BP21" s="229"/>
      <c r="BQ21" s="234">
        <v>15</v>
      </c>
      <c r="BR21" s="235"/>
      <c r="BS21" s="809"/>
      <c r="BT21" s="810"/>
      <c r="BU21" s="810"/>
      <c r="BV21" s="810"/>
      <c r="BW21" s="810"/>
      <c r="BX21" s="810"/>
      <c r="BY21" s="810"/>
      <c r="BZ21" s="810"/>
      <c r="CA21" s="810"/>
      <c r="CB21" s="810"/>
      <c r="CC21" s="810"/>
      <c r="CD21" s="810"/>
      <c r="CE21" s="810"/>
      <c r="CF21" s="810"/>
      <c r="CG21" s="811"/>
      <c r="CH21" s="812"/>
      <c r="CI21" s="813"/>
      <c r="CJ21" s="813"/>
      <c r="CK21" s="813"/>
      <c r="CL21" s="814"/>
      <c r="CM21" s="812"/>
      <c r="CN21" s="813"/>
      <c r="CO21" s="813"/>
      <c r="CP21" s="813"/>
      <c r="CQ21" s="814"/>
      <c r="CR21" s="812"/>
      <c r="CS21" s="813"/>
      <c r="CT21" s="813"/>
      <c r="CU21" s="813"/>
      <c r="CV21" s="814"/>
      <c r="CW21" s="812"/>
      <c r="CX21" s="813"/>
      <c r="CY21" s="813"/>
      <c r="CZ21" s="813"/>
      <c r="DA21" s="814"/>
      <c r="DB21" s="812"/>
      <c r="DC21" s="813"/>
      <c r="DD21" s="813"/>
      <c r="DE21" s="813"/>
      <c r="DF21" s="814"/>
      <c r="DG21" s="812"/>
      <c r="DH21" s="813"/>
      <c r="DI21" s="813"/>
      <c r="DJ21" s="813"/>
      <c r="DK21" s="814"/>
      <c r="DL21" s="812"/>
      <c r="DM21" s="813"/>
      <c r="DN21" s="813"/>
      <c r="DO21" s="813"/>
      <c r="DP21" s="814"/>
      <c r="DQ21" s="812"/>
      <c r="DR21" s="813"/>
      <c r="DS21" s="813"/>
      <c r="DT21" s="813"/>
      <c r="DU21" s="814"/>
      <c r="DV21" s="809"/>
      <c r="DW21" s="810"/>
      <c r="DX21" s="810"/>
      <c r="DY21" s="810"/>
      <c r="DZ21" s="815"/>
      <c r="EA21" s="230"/>
    </row>
    <row r="22" spans="1:131" s="231" customFormat="1" ht="26.25" customHeight="1" x14ac:dyDescent="0.2">
      <c r="A22" s="234">
        <v>16</v>
      </c>
      <c r="B22" s="816"/>
      <c r="C22" s="817"/>
      <c r="D22" s="817"/>
      <c r="E22" s="817"/>
      <c r="F22" s="817"/>
      <c r="G22" s="817"/>
      <c r="H22" s="817"/>
      <c r="I22" s="817"/>
      <c r="J22" s="817"/>
      <c r="K22" s="817"/>
      <c r="L22" s="817"/>
      <c r="M22" s="817"/>
      <c r="N22" s="817"/>
      <c r="O22" s="817"/>
      <c r="P22" s="818"/>
      <c r="Q22" s="835"/>
      <c r="R22" s="836"/>
      <c r="S22" s="836"/>
      <c r="T22" s="836"/>
      <c r="U22" s="836"/>
      <c r="V22" s="836"/>
      <c r="W22" s="836"/>
      <c r="X22" s="836"/>
      <c r="Y22" s="836"/>
      <c r="Z22" s="836"/>
      <c r="AA22" s="836"/>
      <c r="AB22" s="836"/>
      <c r="AC22" s="836"/>
      <c r="AD22" s="836"/>
      <c r="AE22" s="837"/>
      <c r="AF22" s="822"/>
      <c r="AG22" s="823"/>
      <c r="AH22" s="823"/>
      <c r="AI22" s="823"/>
      <c r="AJ22" s="824"/>
      <c r="AK22" s="838"/>
      <c r="AL22" s="839"/>
      <c r="AM22" s="839"/>
      <c r="AN22" s="839"/>
      <c r="AO22" s="839"/>
      <c r="AP22" s="839"/>
      <c r="AQ22" s="839"/>
      <c r="AR22" s="839"/>
      <c r="AS22" s="839"/>
      <c r="AT22" s="839"/>
      <c r="AU22" s="840"/>
      <c r="AV22" s="840"/>
      <c r="AW22" s="840"/>
      <c r="AX22" s="840"/>
      <c r="AY22" s="841"/>
      <c r="AZ22" s="842" t="s">
        <v>395</v>
      </c>
      <c r="BA22" s="842"/>
      <c r="BB22" s="842"/>
      <c r="BC22" s="842"/>
      <c r="BD22" s="843"/>
      <c r="BE22" s="229"/>
      <c r="BF22" s="229"/>
      <c r="BG22" s="229"/>
      <c r="BH22" s="229"/>
      <c r="BI22" s="229"/>
      <c r="BJ22" s="229"/>
      <c r="BK22" s="229"/>
      <c r="BL22" s="229"/>
      <c r="BM22" s="229"/>
      <c r="BN22" s="229"/>
      <c r="BO22" s="229"/>
      <c r="BP22" s="229"/>
      <c r="BQ22" s="234">
        <v>16</v>
      </c>
      <c r="BR22" s="235"/>
      <c r="BS22" s="809"/>
      <c r="BT22" s="810"/>
      <c r="BU22" s="810"/>
      <c r="BV22" s="810"/>
      <c r="BW22" s="810"/>
      <c r="BX22" s="810"/>
      <c r="BY22" s="810"/>
      <c r="BZ22" s="810"/>
      <c r="CA22" s="810"/>
      <c r="CB22" s="810"/>
      <c r="CC22" s="810"/>
      <c r="CD22" s="810"/>
      <c r="CE22" s="810"/>
      <c r="CF22" s="810"/>
      <c r="CG22" s="811"/>
      <c r="CH22" s="812"/>
      <c r="CI22" s="813"/>
      <c r="CJ22" s="813"/>
      <c r="CK22" s="813"/>
      <c r="CL22" s="814"/>
      <c r="CM22" s="812"/>
      <c r="CN22" s="813"/>
      <c r="CO22" s="813"/>
      <c r="CP22" s="813"/>
      <c r="CQ22" s="814"/>
      <c r="CR22" s="812"/>
      <c r="CS22" s="813"/>
      <c r="CT22" s="813"/>
      <c r="CU22" s="813"/>
      <c r="CV22" s="814"/>
      <c r="CW22" s="812"/>
      <c r="CX22" s="813"/>
      <c r="CY22" s="813"/>
      <c r="CZ22" s="813"/>
      <c r="DA22" s="814"/>
      <c r="DB22" s="812"/>
      <c r="DC22" s="813"/>
      <c r="DD22" s="813"/>
      <c r="DE22" s="813"/>
      <c r="DF22" s="814"/>
      <c r="DG22" s="812"/>
      <c r="DH22" s="813"/>
      <c r="DI22" s="813"/>
      <c r="DJ22" s="813"/>
      <c r="DK22" s="814"/>
      <c r="DL22" s="812"/>
      <c r="DM22" s="813"/>
      <c r="DN22" s="813"/>
      <c r="DO22" s="813"/>
      <c r="DP22" s="814"/>
      <c r="DQ22" s="812"/>
      <c r="DR22" s="813"/>
      <c r="DS22" s="813"/>
      <c r="DT22" s="813"/>
      <c r="DU22" s="814"/>
      <c r="DV22" s="809"/>
      <c r="DW22" s="810"/>
      <c r="DX22" s="810"/>
      <c r="DY22" s="810"/>
      <c r="DZ22" s="815"/>
      <c r="EA22" s="230"/>
    </row>
    <row r="23" spans="1:131" s="231" customFormat="1" ht="26.25" customHeight="1" thickBot="1" x14ac:dyDescent="0.25">
      <c r="A23" s="236" t="s">
        <v>396</v>
      </c>
      <c r="B23" s="825" t="s">
        <v>397</v>
      </c>
      <c r="C23" s="826"/>
      <c r="D23" s="826"/>
      <c r="E23" s="826"/>
      <c r="F23" s="826"/>
      <c r="G23" s="826"/>
      <c r="H23" s="826"/>
      <c r="I23" s="826"/>
      <c r="J23" s="826"/>
      <c r="K23" s="826"/>
      <c r="L23" s="826"/>
      <c r="M23" s="826"/>
      <c r="N23" s="826"/>
      <c r="O23" s="826"/>
      <c r="P23" s="827"/>
      <c r="Q23" s="828">
        <v>10130</v>
      </c>
      <c r="R23" s="829"/>
      <c r="S23" s="829"/>
      <c r="T23" s="829"/>
      <c r="U23" s="829"/>
      <c r="V23" s="829">
        <v>9580</v>
      </c>
      <c r="W23" s="829"/>
      <c r="X23" s="829"/>
      <c r="Y23" s="829"/>
      <c r="Z23" s="829"/>
      <c r="AA23" s="829">
        <v>550</v>
      </c>
      <c r="AB23" s="829"/>
      <c r="AC23" s="829"/>
      <c r="AD23" s="829"/>
      <c r="AE23" s="830"/>
      <c r="AF23" s="831">
        <v>478</v>
      </c>
      <c r="AG23" s="829"/>
      <c r="AH23" s="829"/>
      <c r="AI23" s="829"/>
      <c r="AJ23" s="832"/>
      <c r="AK23" s="833"/>
      <c r="AL23" s="834"/>
      <c r="AM23" s="834"/>
      <c r="AN23" s="834"/>
      <c r="AO23" s="834"/>
      <c r="AP23" s="829">
        <v>6980</v>
      </c>
      <c r="AQ23" s="829"/>
      <c r="AR23" s="829"/>
      <c r="AS23" s="829"/>
      <c r="AT23" s="829"/>
      <c r="AU23" s="845"/>
      <c r="AV23" s="845"/>
      <c r="AW23" s="845"/>
      <c r="AX23" s="845"/>
      <c r="AY23" s="846"/>
      <c r="AZ23" s="847" t="s">
        <v>398</v>
      </c>
      <c r="BA23" s="848"/>
      <c r="BB23" s="848"/>
      <c r="BC23" s="848"/>
      <c r="BD23" s="849"/>
      <c r="BE23" s="229"/>
      <c r="BF23" s="229"/>
      <c r="BG23" s="229"/>
      <c r="BH23" s="229"/>
      <c r="BI23" s="229"/>
      <c r="BJ23" s="229"/>
      <c r="BK23" s="229"/>
      <c r="BL23" s="229"/>
      <c r="BM23" s="229"/>
      <c r="BN23" s="229"/>
      <c r="BO23" s="229"/>
      <c r="BP23" s="229"/>
      <c r="BQ23" s="234">
        <v>17</v>
      </c>
      <c r="BR23" s="235"/>
      <c r="BS23" s="809"/>
      <c r="BT23" s="810"/>
      <c r="BU23" s="810"/>
      <c r="BV23" s="810"/>
      <c r="BW23" s="810"/>
      <c r="BX23" s="810"/>
      <c r="BY23" s="810"/>
      <c r="BZ23" s="810"/>
      <c r="CA23" s="810"/>
      <c r="CB23" s="810"/>
      <c r="CC23" s="810"/>
      <c r="CD23" s="810"/>
      <c r="CE23" s="810"/>
      <c r="CF23" s="810"/>
      <c r="CG23" s="811"/>
      <c r="CH23" s="812"/>
      <c r="CI23" s="813"/>
      <c r="CJ23" s="813"/>
      <c r="CK23" s="813"/>
      <c r="CL23" s="814"/>
      <c r="CM23" s="812"/>
      <c r="CN23" s="813"/>
      <c r="CO23" s="813"/>
      <c r="CP23" s="813"/>
      <c r="CQ23" s="814"/>
      <c r="CR23" s="812"/>
      <c r="CS23" s="813"/>
      <c r="CT23" s="813"/>
      <c r="CU23" s="813"/>
      <c r="CV23" s="814"/>
      <c r="CW23" s="812"/>
      <c r="CX23" s="813"/>
      <c r="CY23" s="813"/>
      <c r="CZ23" s="813"/>
      <c r="DA23" s="814"/>
      <c r="DB23" s="812"/>
      <c r="DC23" s="813"/>
      <c r="DD23" s="813"/>
      <c r="DE23" s="813"/>
      <c r="DF23" s="814"/>
      <c r="DG23" s="812"/>
      <c r="DH23" s="813"/>
      <c r="DI23" s="813"/>
      <c r="DJ23" s="813"/>
      <c r="DK23" s="814"/>
      <c r="DL23" s="812"/>
      <c r="DM23" s="813"/>
      <c r="DN23" s="813"/>
      <c r="DO23" s="813"/>
      <c r="DP23" s="814"/>
      <c r="DQ23" s="812"/>
      <c r="DR23" s="813"/>
      <c r="DS23" s="813"/>
      <c r="DT23" s="813"/>
      <c r="DU23" s="814"/>
      <c r="DV23" s="809"/>
      <c r="DW23" s="810"/>
      <c r="DX23" s="810"/>
      <c r="DY23" s="810"/>
      <c r="DZ23" s="815"/>
      <c r="EA23" s="230"/>
    </row>
    <row r="24" spans="1:131" s="231" customFormat="1" ht="26.25" customHeight="1" x14ac:dyDescent="0.2">
      <c r="A24" s="844" t="s">
        <v>399</v>
      </c>
      <c r="B24" s="844"/>
      <c r="C24" s="844"/>
      <c r="D24" s="844"/>
      <c r="E24" s="844"/>
      <c r="F24" s="844"/>
      <c r="G24" s="844"/>
      <c r="H24" s="844"/>
      <c r="I24" s="844"/>
      <c r="J24" s="844"/>
      <c r="K24" s="844"/>
      <c r="L24" s="844"/>
      <c r="M24" s="844"/>
      <c r="N24" s="844"/>
      <c r="O24" s="844"/>
      <c r="P24" s="844"/>
      <c r="Q24" s="844"/>
      <c r="R24" s="844"/>
      <c r="S24" s="844"/>
      <c r="T24" s="844"/>
      <c r="U24" s="844"/>
      <c r="V24" s="844"/>
      <c r="W24" s="844"/>
      <c r="X24" s="844"/>
      <c r="Y24" s="844"/>
      <c r="Z24" s="844"/>
      <c r="AA24" s="844"/>
      <c r="AB24" s="844"/>
      <c r="AC24" s="844"/>
      <c r="AD24" s="844"/>
      <c r="AE24" s="844"/>
      <c r="AF24" s="844"/>
      <c r="AG24" s="844"/>
      <c r="AH24" s="844"/>
      <c r="AI24" s="844"/>
      <c r="AJ24" s="844"/>
      <c r="AK24" s="844"/>
      <c r="AL24" s="844"/>
      <c r="AM24" s="844"/>
      <c r="AN24" s="844"/>
      <c r="AO24" s="844"/>
      <c r="AP24" s="844"/>
      <c r="AQ24" s="844"/>
      <c r="AR24" s="844"/>
      <c r="AS24" s="844"/>
      <c r="AT24" s="844"/>
      <c r="AU24" s="844"/>
      <c r="AV24" s="844"/>
      <c r="AW24" s="844"/>
      <c r="AX24" s="844"/>
      <c r="AY24" s="844"/>
      <c r="AZ24" s="228"/>
      <c r="BA24" s="228"/>
      <c r="BB24" s="228"/>
      <c r="BC24" s="228"/>
      <c r="BD24" s="228"/>
      <c r="BE24" s="229"/>
      <c r="BF24" s="229"/>
      <c r="BG24" s="229"/>
      <c r="BH24" s="229"/>
      <c r="BI24" s="229"/>
      <c r="BJ24" s="229"/>
      <c r="BK24" s="229"/>
      <c r="BL24" s="229"/>
      <c r="BM24" s="229"/>
      <c r="BN24" s="229"/>
      <c r="BO24" s="229"/>
      <c r="BP24" s="229"/>
      <c r="BQ24" s="234">
        <v>18</v>
      </c>
      <c r="BR24" s="235"/>
      <c r="BS24" s="809"/>
      <c r="BT24" s="810"/>
      <c r="BU24" s="810"/>
      <c r="BV24" s="810"/>
      <c r="BW24" s="810"/>
      <c r="BX24" s="810"/>
      <c r="BY24" s="810"/>
      <c r="BZ24" s="810"/>
      <c r="CA24" s="810"/>
      <c r="CB24" s="810"/>
      <c r="CC24" s="810"/>
      <c r="CD24" s="810"/>
      <c r="CE24" s="810"/>
      <c r="CF24" s="810"/>
      <c r="CG24" s="811"/>
      <c r="CH24" s="812"/>
      <c r="CI24" s="813"/>
      <c r="CJ24" s="813"/>
      <c r="CK24" s="813"/>
      <c r="CL24" s="814"/>
      <c r="CM24" s="812"/>
      <c r="CN24" s="813"/>
      <c r="CO24" s="813"/>
      <c r="CP24" s="813"/>
      <c r="CQ24" s="814"/>
      <c r="CR24" s="812"/>
      <c r="CS24" s="813"/>
      <c r="CT24" s="813"/>
      <c r="CU24" s="813"/>
      <c r="CV24" s="814"/>
      <c r="CW24" s="812"/>
      <c r="CX24" s="813"/>
      <c r="CY24" s="813"/>
      <c r="CZ24" s="813"/>
      <c r="DA24" s="814"/>
      <c r="DB24" s="812"/>
      <c r="DC24" s="813"/>
      <c r="DD24" s="813"/>
      <c r="DE24" s="813"/>
      <c r="DF24" s="814"/>
      <c r="DG24" s="812"/>
      <c r="DH24" s="813"/>
      <c r="DI24" s="813"/>
      <c r="DJ24" s="813"/>
      <c r="DK24" s="814"/>
      <c r="DL24" s="812"/>
      <c r="DM24" s="813"/>
      <c r="DN24" s="813"/>
      <c r="DO24" s="813"/>
      <c r="DP24" s="814"/>
      <c r="DQ24" s="812"/>
      <c r="DR24" s="813"/>
      <c r="DS24" s="813"/>
      <c r="DT24" s="813"/>
      <c r="DU24" s="814"/>
      <c r="DV24" s="809"/>
      <c r="DW24" s="810"/>
      <c r="DX24" s="810"/>
      <c r="DY24" s="810"/>
      <c r="DZ24" s="815"/>
      <c r="EA24" s="230"/>
    </row>
    <row r="25" spans="1:131" ht="26.25" customHeight="1" thickBot="1" x14ac:dyDescent="0.25">
      <c r="A25" s="761" t="s">
        <v>400</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28"/>
      <c r="BK25" s="228"/>
      <c r="BL25" s="228"/>
      <c r="BM25" s="228"/>
      <c r="BN25" s="228"/>
      <c r="BO25" s="237"/>
      <c r="BP25" s="237"/>
      <c r="BQ25" s="234">
        <v>19</v>
      </c>
      <c r="BR25" s="235"/>
      <c r="BS25" s="809"/>
      <c r="BT25" s="810"/>
      <c r="BU25" s="810"/>
      <c r="BV25" s="810"/>
      <c r="BW25" s="810"/>
      <c r="BX25" s="810"/>
      <c r="BY25" s="810"/>
      <c r="BZ25" s="810"/>
      <c r="CA25" s="810"/>
      <c r="CB25" s="810"/>
      <c r="CC25" s="810"/>
      <c r="CD25" s="810"/>
      <c r="CE25" s="810"/>
      <c r="CF25" s="810"/>
      <c r="CG25" s="811"/>
      <c r="CH25" s="812"/>
      <c r="CI25" s="813"/>
      <c r="CJ25" s="813"/>
      <c r="CK25" s="813"/>
      <c r="CL25" s="814"/>
      <c r="CM25" s="812"/>
      <c r="CN25" s="813"/>
      <c r="CO25" s="813"/>
      <c r="CP25" s="813"/>
      <c r="CQ25" s="814"/>
      <c r="CR25" s="812"/>
      <c r="CS25" s="813"/>
      <c r="CT25" s="813"/>
      <c r="CU25" s="813"/>
      <c r="CV25" s="814"/>
      <c r="CW25" s="812"/>
      <c r="CX25" s="813"/>
      <c r="CY25" s="813"/>
      <c r="CZ25" s="813"/>
      <c r="DA25" s="814"/>
      <c r="DB25" s="812"/>
      <c r="DC25" s="813"/>
      <c r="DD25" s="813"/>
      <c r="DE25" s="813"/>
      <c r="DF25" s="814"/>
      <c r="DG25" s="812"/>
      <c r="DH25" s="813"/>
      <c r="DI25" s="813"/>
      <c r="DJ25" s="813"/>
      <c r="DK25" s="814"/>
      <c r="DL25" s="812"/>
      <c r="DM25" s="813"/>
      <c r="DN25" s="813"/>
      <c r="DO25" s="813"/>
      <c r="DP25" s="814"/>
      <c r="DQ25" s="812"/>
      <c r="DR25" s="813"/>
      <c r="DS25" s="813"/>
      <c r="DT25" s="813"/>
      <c r="DU25" s="814"/>
      <c r="DV25" s="809"/>
      <c r="DW25" s="810"/>
      <c r="DX25" s="810"/>
      <c r="DY25" s="810"/>
      <c r="DZ25" s="815"/>
      <c r="EA25" s="226"/>
    </row>
    <row r="26" spans="1:131" ht="26.25" customHeight="1" x14ac:dyDescent="0.2">
      <c r="A26" s="763" t="s">
        <v>377</v>
      </c>
      <c r="B26" s="764"/>
      <c r="C26" s="764"/>
      <c r="D26" s="764"/>
      <c r="E26" s="764"/>
      <c r="F26" s="764"/>
      <c r="G26" s="764"/>
      <c r="H26" s="764"/>
      <c r="I26" s="764"/>
      <c r="J26" s="764"/>
      <c r="K26" s="764"/>
      <c r="L26" s="764"/>
      <c r="M26" s="764"/>
      <c r="N26" s="764"/>
      <c r="O26" s="764"/>
      <c r="P26" s="765"/>
      <c r="Q26" s="769" t="s">
        <v>401</v>
      </c>
      <c r="R26" s="770"/>
      <c r="S26" s="770"/>
      <c r="T26" s="770"/>
      <c r="U26" s="771"/>
      <c r="V26" s="769" t="s">
        <v>402</v>
      </c>
      <c r="W26" s="770"/>
      <c r="X26" s="770"/>
      <c r="Y26" s="770"/>
      <c r="Z26" s="771"/>
      <c r="AA26" s="769" t="s">
        <v>403</v>
      </c>
      <c r="AB26" s="770"/>
      <c r="AC26" s="770"/>
      <c r="AD26" s="770"/>
      <c r="AE26" s="770"/>
      <c r="AF26" s="850" t="s">
        <v>404</v>
      </c>
      <c r="AG26" s="851"/>
      <c r="AH26" s="851"/>
      <c r="AI26" s="851"/>
      <c r="AJ26" s="852"/>
      <c r="AK26" s="770" t="s">
        <v>405</v>
      </c>
      <c r="AL26" s="770"/>
      <c r="AM26" s="770"/>
      <c r="AN26" s="770"/>
      <c r="AO26" s="771"/>
      <c r="AP26" s="769" t="s">
        <v>406</v>
      </c>
      <c r="AQ26" s="770"/>
      <c r="AR26" s="770"/>
      <c r="AS26" s="770"/>
      <c r="AT26" s="771"/>
      <c r="AU26" s="769" t="s">
        <v>407</v>
      </c>
      <c r="AV26" s="770"/>
      <c r="AW26" s="770"/>
      <c r="AX26" s="770"/>
      <c r="AY26" s="771"/>
      <c r="AZ26" s="769" t="s">
        <v>408</v>
      </c>
      <c r="BA26" s="770"/>
      <c r="BB26" s="770"/>
      <c r="BC26" s="770"/>
      <c r="BD26" s="771"/>
      <c r="BE26" s="769" t="s">
        <v>384</v>
      </c>
      <c r="BF26" s="770"/>
      <c r="BG26" s="770"/>
      <c r="BH26" s="770"/>
      <c r="BI26" s="776"/>
      <c r="BJ26" s="228"/>
      <c r="BK26" s="228"/>
      <c r="BL26" s="228"/>
      <c r="BM26" s="228"/>
      <c r="BN26" s="228"/>
      <c r="BO26" s="237"/>
      <c r="BP26" s="237"/>
      <c r="BQ26" s="234">
        <v>20</v>
      </c>
      <c r="BR26" s="235"/>
      <c r="BS26" s="809"/>
      <c r="BT26" s="810"/>
      <c r="BU26" s="810"/>
      <c r="BV26" s="810"/>
      <c r="BW26" s="810"/>
      <c r="BX26" s="810"/>
      <c r="BY26" s="810"/>
      <c r="BZ26" s="810"/>
      <c r="CA26" s="810"/>
      <c r="CB26" s="810"/>
      <c r="CC26" s="810"/>
      <c r="CD26" s="810"/>
      <c r="CE26" s="810"/>
      <c r="CF26" s="810"/>
      <c r="CG26" s="811"/>
      <c r="CH26" s="812"/>
      <c r="CI26" s="813"/>
      <c r="CJ26" s="813"/>
      <c r="CK26" s="813"/>
      <c r="CL26" s="814"/>
      <c r="CM26" s="812"/>
      <c r="CN26" s="813"/>
      <c r="CO26" s="813"/>
      <c r="CP26" s="813"/>
      <c r="CQ26" s="814"/>
      <c r="CR26" s="812"/>
      <c r="CS26" s="813"/>
      <c r="CT26" s="813"/>
      <c r="CU26" s="813"/>
      <c r="CV26" s="814"/>
      <c r="CW26" s="812"/>
      <c r="CX26" s="813"/>
      <c r="CY26" s="813"/>
      <c r="CZ26" s="813"/>
      <c r="DA26" s="814"/>
      <c r="DB26" s="812"/>
      <c r="DC26" s="813"/>
      <c r="DD26" s="813"/>
      <c r="DE26" s="813"/>
      <c r="DF26" s="814"/>
      <c r="DG26" s="812"/>
      <c r="DH26" s="813"/>
      <c r="DI26" s="813"/>
      <c r="DJ26" s="813"/>
      <c r="DK26" s="814"/>
      <c r="DL26" s="812"/>
      <c r="DM26" s="813"/>
      <c r="DN26" s="813"/>
      <c r="DO26" s="813"/>
      <c r="DP26" s="814"/>
      <c r="DQ26" s="812"/>
      <c r="DR26" s="813"/>
      <c r="DS26" s="813"/>
      <c r="DT26" s="813"/>
      <c r="DU26" s="814"/>
      <c r="DV26" s="809"/>
      <c r="DW26" s="810"/>
      <c r="DX26" s="810"/>
      <c r="DY26" s="810"/>
      <c r="DZ26" s="815"/>
      <c r="EA26" s="226"/>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3"/>
      <c r="AG27" s="854"/>
      <c r="AH27" s="854"/>
      <c r="AI27" s="854"/>
      <c r="AJ27" s="855"/>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28"/>
      <c r="BK27" s="228"/>
      <c r="BL27" s="228"/>
      <c r="BM27" s="228"/>
      <c r="BN27" s="228"/>
      <c r="BO27" s="237"/>
      <c r="BP27" s="237"/>
      <c r="BQ27" s="234">
        <v>21</v>
      </c>
      <c r="BR27" s="235"/>
      <c r="BS27" s="809"/>
      <c r="BT27" s="810"/>
      <c r="BU27" s="810"/>
      <c r="BV27" s="810"/>
      <c r="BW27" s="810"/>
      <c r="BX27" s="810"/>
      <c r="BY27" s="810"/>
      <c r="BZ27" s="810"/>
      <c r="CA27" s="810"/>
      <c r="CB27" s="810"/>
      <c r="CC27" s="810"/>
      <c r="CD27" s="810"/>
      <c r="CE27" s="810"/>
      <c r="CF27" s="810"/>
      <c r="CG27" s="811"/>
      <c r="CH27" s="812"/>
      <c r="CI27" s="813"/>
      <c r="CJ27" s="813"/>
      <c r="CK27" s="813"/>
      <c r="CL27" s="814"/>
      <c r="CM27" s="812"/>
      <c r="CN27" s="813"/>
      <c r="CO27" s="813"/>
      <c r="CP27" s="813"/>
      <c r="CQ27" s="814"/>
      <c r="CR27" s="812"/>
      <c r="CS27" s="813"/>
      <c r="CT27" s="813"/>
      <c r="CU27" s="813"/>
      <c r="CV27" s="814"/>
      <c r="CW27" s="812"/>
      <c r="CX27" s="813"/>
      <c r="CY27" s="813"/>
      <c r="CZ27" s="813"/>
      <c r="DA27" s="814"/>
      <c r="DB27" s="812"/>
      <c r="DC27" s="813"/>
      <c r="DD27" s="813"/>
      <c r="DE27" s="813"/>
      <c r="DF27" s="814"/>
      <c r="DG27" s="812"/>
      <c r="DH27" s="813"/>
      <c r="DI27" s="813"/>
      <c r="DJ27" s="813"/>
      <c r="DK27" s="814"/>
      <c r="DL27" s="812"/>
      <c r="DM27" s="813"/>
      <c r="DN27" s="813"/>
      <c r="DO27" s="813"/>
      <c r="DP27" s="814"/>
      <c r="DQ27" s="812"/>
      <c r="DR27" s="813"/>
      <c r="DS27" s="813"/>
      <c r="DT27" s="813"/>
      <c r="DU27" s="814"/>
      <c r="DV27" s="809"/>
      <c r="DW27" s="810"/>
      <c r="DX27" s="810"/>
      <c r="DY27" s="810"/>
      <c r="DZ27" s="815"/>
      <c r="EA27" s="226"/>
    </row>
    <row r="28" spans="1:131" ht="26.25" customHeight="1" thickTop="1" x14ac:dyDescent="0.2">
      <c r="A28" s="238">
        <v>1</v>
      </c>
      <c r="B28" s="785" t="s">
        <v>409</v>
      </c>
      <c r="C28" s="786"/>
      <c r="D28" s="786"/>
      <c r="E28" s="786"/>
      <c r="F28" s="786"/>
      <c r="G28" s="786"/>
      <c r="H28" s="786"/>
      <c r="I28" s="786"/>
      <c r="J28" s="786"/>
      <c r="K28" s="786"/>
      <c r="L28" s="786"/>
      <c r="M28" s="786"/>
      <c r="N28" s="786"/>
      <c r="O28" s="786"/>
      <c r="P28" s="787"/>
      <c r="Q28" s="858">
        <v>2935</v>
      </c>
      <c r="R28" s="859"/>
      <c r="S28" s="859"/>
      <c r="T28" s="859"/>
      <c r="U28" s="859"/>
      <c r="V28" s="859">
        <v>2879</v>
      </c>
      <c r="W28" s="859"/>
      <c r="X28" s="859"/>
      <c r="Y28" s="859"/>
      <c r="Z28" s="859"/>
      <c r="AA28" s="859">
        <v>56</v>
      </c>
      <c r="AB28" s="859"/>
      <c r="AC28" s="859"/>
      <c r="AD28" s="859"/>
      <c r="AE28" s="860"/>
      <c r="AF28" s="861">
        <v>56</v>
      </c>
      <c r="AG28" s="859"/>
      <c r="AH28" s="859"/>
      <c r="AI28" s="859"/>
      <c r="AJ28" s="862"/>
      <c r="AK28" s="863">
        <v>214</v>
      </c>
      <c r="AL28" s="864"/>
      <c r="AM28" s="864"/>
      <c r="AN28" s="864"/>
      <c r="AO28" s="864"/>
      <c r="AP28" s="864" t="s">
        <v>588</v>
      </c>
      <c r="AQ28" s="864"/>
      <c r="AR28" s="864"/>
      <c r="AS28" s="864"/>
      <c r="AT28" s="864"/>
      <c r="AU28" s="864" t="s">
        <v>588</v>
      </c>
      <c r="AV28" s="864"/>
      <c r="AW28" s="864"/>
      <c r="AX28" s="864"/>
      <c r="AY28" s="864"/>
      <c r="AZ28" s="864" t="s">
        <v>588</v>
      </c>
      <c r="BA28" s="864"/>
      <c r="BB28" s="864"/>
      <c r="BC28" s="864"/>
      <c r="BD28" s="864"/>
      <c r="BE28" s="856"/>
      <c r="BF28" s="856"/>
      <c r="BG28" s="856"/>
      <c r="BH28" s="856"/>
      <c r="BI28" s="857"/>
      <c r="BJ28" s="228"/>
      <c r="BK28" s="228"/>
      <c r="BL28" s="228"/>
      <c r="BM28" s="228"/>
      <c r="BN28" s="228"/>
      <c r="BO28" s="237"/>
      <c r="BP28" s="237"/>
      <c r="BQ28" s="234">
        <v>22</v>
      </c>
      <c r="BR28" s="235"/>
      <c r="BS28" s="809"/>
      <c r="BT28" s="810"/>
      <c r="BU28" s="810"/>
      <c r="BV28" s="810"/>
      <c r="BW28" s="810"/>
      <c r="BX28" s="810"/>
      <c r="BY28" s="810"/>
      <c r="BZ28" s="810"/>
      <c r="CA28" s="810"/>
      <c r="CB28" s="810"/>
      <c r="CC28" s="810"/>
      <c r="CD28" s="810"/>
      <c r="CE28" s="810"/>
      <c r="CF28" s="810"/>
      <c r="CG28" s="811"/>
      <c r="CH28" s="812"/>
      <c r="CI28" s="813"/>
      <c r="CJ28" s="813"/>
      <c r="CK28" s="813"/>
      <c r="CL28" s="814"/>
      <c r="CM28" s="812"/>
      <c r="CN28" s="813"/>
      <c r="CO28" s="813"/>
      <c r="CP28" s="813"/>
      <c r="CQ28" s="814"/>
      <c r="CR28" s="812"/>
      <c r="CS28" s="813"/>
      <c r="CT28" s="813"/>
      <c r="CU28" s="813"/>
      <c r="CV28" s="814"/>
      <c r="CW28" s="812"/>
      <c r="CX28" s="813"/>
      <c r="CY28" s="813"/>
      <c r="CZ28" s="813"/>
      <c r="DA28" s="814"/>
      <c r="DB28" s="812"/>
      <c r="DC28" s="813"/>
      <c r="DD28" s="813"/>
      <c r="DE28" s="813"/>
      <c r="DF28" s="814"/>
      <c r="DG28" s="812"/>
      <c r="DH28" s="813"/>
      <c r="DI28" s="813"/>
      <c r="DJ28" s="813"/>
      <c r="DK28" s="814"/>
      <c r="DL28" s="812"/>
      <c r="DM28" s="813"/>
      <c r="DN28" s="813"/>
      <c r="DO28" s="813"/>
      <c r="DP28" s="814"/>
      <c r="DQ28" s="812"/>
      <c r="DR28" s="813"/>
      <c r="DS28" s="813"/>
      <c r="DT28" s="813"/>
      <c r="DU28" s="814"/>
      <c r="DV28" s="809"/>
      <c r="DW28" s="810"/>
      <c r="DX28" s="810"/>
      <c r="DY28" s="810"/>
      <c r="DZ28" s="815"/>
      <c r="EA28" s="226"/>
    </row>
    <row r="29" spans="1:131" ht="26.25" customHeight="1" x14ac:dyDescent="0.2">
      <c r="A29" s="238">
        <v>2</v>
      </c>
      <c r="B29" s="816" t="s">
        <v>410</v>
      </c>
      <c r="C29" s="817"/>
      <c r="D29" s="817"/>
      <c r="E29" s="817"/>
      <c r="F29" s="817"/>
      <c r="G29" s="817"/>
      <c r="H29" s="817"/>
      <c r="I29" s="817"/>
      <c r="J29" s="817"/>
      <c r="K29" s="817"/>
      <c r="L29" s="817"/>
      <c r="M29" s="817"/>
      <c r="N29" s="817"/>
      <c r="O29" s="817"/>
      <c r="P29" s="818"/>
      <c r="Q29" s="819">
        <v>2876</v>
      </c>
      <c r="R29" s="820"/>
      <c r="S29" s="820"/>
      <c r="T29" s="820"/>
      <c r="U29" s="820"/>
      <c r="V29" s="820">
        <v>2785</v>
      </c>
      <c r="W29" s="820"/>
      <c r="X29" s="820"/>
      <c r="Y29" s="820"/>
      <c r="Z29" s="820"/>
      <c r="AA29" s="820">
        <v>91</v>
      </c>
      <c r="AB29" s="820"/>
      <c r="AC29" s="820"/>
      <c r="AD29" s="820"/>
      <c r="AE29" s="821"/>
      <c r="AF29" s="822">
        <v>91</v>
      </c>
      <c r="AG29" s="823"/>
      <c r="AH29" s="823"/>
      <c r="AI29" s="823"/>
      <c r="AJ29" s="824"/>
      <c r="AK29" s="868">
        <v>515</v>
      </c>
      <c r="AL29" s="865"/>
      <c r="AM29" s="865"/>
      <c r="AN29" s="865"/>
      <c r="AO29" s="865"/>
      <c r="AP29" s="865" t="s">
        <v>588</v>
      </c>
      <c r="AQ29" s="865"/>
      <c r="AR29" s="865"/>
      <c r="AS29" s="865"/>
      <c r="AT29" s="865"/>
      <c r="AU29" s="865" t="s">
        <v>588</v>
      </c>
      <c r="AV29" s="865"/>
      <c r="AW29" s="865"/>
      <c r="AX29" s="865"/>
      <c r="AY29" s="865"/>
      <c r="AZ29" s="865" t="s">
        <v>588</v>
      </c>
      <c r="BA29" s="865"/>
      <c r="BB29" s="865"/>
      <c r="BC29" s="865"/>
      <c r="BD29" s="865"/>
      <c r="BE29" s="866"/>
      <c r="BF29" s="866"/>
      <c r="BG29" s="866"/>
      <c r="BH29" s="866"/>
      <c r="BI29" s="867"/>
      <c r="BJ29" s="228"/>
      <c r="BK29" s="228"/>
      <c r="BL29" s="228"/>
      <c r="BM29" s="228"/>
      <c r="BN29" s="228"/>
      <c r="BO29" s="237"/>
      <c r="BP29" s="237"/>
      <c r="BQ29" s="234">
        <v>23</v>
      </c>
      <c r="BR29" s="235"/>
      <c r="BS29" s="809"/>
      <c r="BT29" s="810"/>
      <c r="BU29" s="810"/>
      <c r="BV29" s="810"/>
      <c r="BW29" s="810"/>
      <c r="BX29" s="810"/>
      <c r="BY29" s="810"/>
      <c r="BZ29" s="810"/>
      <c r="CA29" s="810"/>
      <c r="CB29" s="810"/>
      <c r="CC29" s="810"/>
      <c r="CD29" s="810"/>
      <c r="CE29" s="810"/>
      <c r="CF29" s="810"/>
      <c r="CG29" s="811"/>
      <c r="CH29" s="812"/>
      <c r="CI29" s="813"/>
      <c r="CJ29" s="813"/>
      <c r="CK29" s="813"/>
      <c r="CL29" s="814"/>
      <c r="CM29" s="812"/>
      <c r="CN29" s="813"/>
      <c r="CO29" s="813"/>
      <c r="CP29" s="813"/>
      <c r="CQ29" s="814"/>
      <c r="CR29" s="812"/>
      <c r="CS29" s="813"/>
      <c r="CT29" s="813"/>
      <c r="CU29" s="813"/>
      <c r="CV29" s="814"/>
      <c r="CW29" s="812"/>
      <c r="CX29" s="813"/>
      <c r="CY29" s="813"/>
      <c r="CZ29" s="813"/>
      <c r="DA29" s="814"/>
      <c r="DB29" s="812"/>
      <c r="DC29" s="813"/>
      <c r="DD29" s="813"/>
      <c r="DE29" s="813"/>
      <c r="DF29" s="814"/>
      <c r="DG29" s="812"/>
      <c r="DH29" s="813"/>
      <c r="DI29" s="813"/>
      <c r="DJ29" s="813"/>
      <c r="DK29" s="814"/>
      <c r="DL29" s="812"/>
      <c r="DM29" s="813"/>
      <c r="DN29" s="813"/>
      <c r="DO29" s="813"/>
      <c r="DP29" s="814"/>
      <c r="DQ29" s="812"/>
      <c r="DR29" s="813"/>
      <c r="DS29" s="813"/>
      <c r="DT29" s="813"/>
      <c r="DU29" s="814"/>
      <c r="DV29" s="809"/>
      <c r="DW29" s="810"/>
      <c r="DX29" s="810"/>
      <c r="DY29" s="810"/>
      <c r="DZ29" s="815"/>
      <c r="EA29" s="226"/>
    </row>
    <row r="30" spans="1:131" ht="26.25" customHeight="1" x14ac:dyDescent="0.2">
      <c r="A30" s="238">
        <v>3</v>
      </c>
      <c r="B30" s="816" t="s">
        <v>411</v>
      </c>
      <c r="C30" s="817"/>
      <c r="D30" s="817"/>
      <c r="E30" s="817"/>
      <c r="F30" s="817"/>
      <c r="G30" s="817"/>
      <c r="H30" s="817"/>
      <c r="I30" s="817"/>
      <c r="J30" s="817"/>
      <c r="K30" s="817"/>
      <c r="L30" s="817"/>
      <c r="M30" s="817"/>
      <c r="N30" s="817"/>
      <c r="O30" s="817"/>
      <c r="P30" s="818"/>
      <c r="Q30" s="819">
        <v>921</v>
      </c>
      <c r="R30" s="820"/>
      <c r="S30" s="820"/>
      <c r="T30" s="820"/>
      <c r="U30" s="820"/>
      <c r="V30" s="820">
        <v>901</v>
      </c>
      <c r="W30" s="820"/>
      <c r="X30" s="820"/>
      <c r="Y30" s="820"/>
      <c r="Z30" s="820"/>
      <c r="AA30" s="820">
        <v>19</v>
      </c>
      <c r="AB30" s="820"/>
      <c r="AC30" s="820"/>
      <c r="AD30" s="820"/>
      <c r="AE30" s="821"/>
      <c r="AF30" s="822">
        <v>19</v>
      </c>
      <c r="AG30" s="823"/>
      <c r="AH30" s="823"/>
      <c r="AI30" s="823"/>
      <c r="AJ30" s="824"/>
      <c r="AK30" s="868">
        <v>372</v>
      </c>
      <c r="AL30" s="865"/>
      <c r="AM30" s="865"/>
      <c r="AN30" s="865"/>
      <c r="AO30" s="865"/>
      <c r="AP30" s="865" t="s">
        <v>588</v>
      </c>
      <c r="AQ30" s="865"/>
      <c r="AR30" s="865"/>
      <c r="AS30" s="865"/>
      <c r="AT30" s="865"/>
      <c r="AU30" s="865" t="s">
        <v>588</v>
      </c>
      <c r="AV30" s="865"/>
      <c r="AW30" s="865"/>
      <c r="AX30" s="865"/>
      <c r="AY30" s="865"/>
      <c r="AZ30" s="865" t="s">
        <v>588</v>
      </c>
      <c r="BA30" s="865"/>
      <c r="BB30" s="865"/>
      <c r="BC30" s="865"/>
      <c r="BD30" s="865"/>
      <c r="BE30" s="866"/>
      <c r="BF30" s="866"/>
      <c r="BG30" s="866"/>
      <c r="BH30" s="866"/>
      <c r="BI30" s="867"/>
      <c r="BJ30" s="228"/>
      <c r="BK30" s="228"/>
      <c r="BL30" s="228"/>
      <c r="BM30" s="228"/>
      <c r="BN30" s="228"/>
      <c r="BO30" s="237"/>
      <c r="BP30" s="237"/>
      <c r="BQ30" s="234">
        <v>24</v>
      </c>
      <c r="BR30" s="235"/>
      <c r="BS30" s="809"/>
      <c r="BT30" s="810"/>
      <c r="BU30" s="810"/>
      <c r="BV30" s="810"/>
      <c r="BW30" s="810"/>
      <c r="BX30" s="810"/>
      <c r="BY30" s="810"/>
      <c r="BZ30" s="810"/>
      <c r="CA30" s="810"/>
      <c r="CB30" s="810"/>
      <c r="CC30" s="810"/>
      <c r="CD30" s="810"/>
      <c r="CE30" s="810"/>
      <c r="CF30" s="810"/>
      <c r="CG30" s="811"/>
      <c r="CH30" s="812"/>
      <c r="CI30" s="813"/>
      <c r="CJ30" s="813"/>
      <c r="CK30" s="813"/>
      <c r="CL30" s="814"/>
      <c r="CM30" s="812"/>
      <c r="CN30" s="813"/>
      <c r="CO30" s="813"/>
      <c r="CP30" s="813"/>
      <c r="CQ30" s="814"/>
      <c r="CR30" s="812"/>
      <c r="CS30" s="813"/>
      <c r="CT30" s="813"/>
      <c r="CU30" s="813"/>
      <c r="CV30" s="814"/>
      <c r="CW30" s="812"/>
      <c r="CX30" s="813"/>
      <c r="CY30" s="813"/>
      <c r="CZ30" s="813"/>
      <c r="DA30" s="814"/>
      <c r="DB30" s="812"/>
      <c r="DC30" s="813"/>
      <c r="DD30" s="813"/>
      <c r="DE30" s="813"/>
      <c r="DF30" s="814"/>
      <c r="DG30" s="812"/>
      <c r="DH30" s="813"/>
      <c r="DI30" s="813"/>
      <c r="DJ30" s="813"/>
      <c r="DK30" s="814"/>
      <c r="DL30" s="812"/>
      <c r="DM30" s="813"/>
      <c r="DN30" s="813"/>
      <c r="DO30" s="813"/>
      <c r="DP30" s="814"/>
      <c r="DQ30" s="812"/>
      <c r="DR30" s="813"/>
      <c r="DS30" s="813"/>
      <c r="DT30" s="813"/>
      <c r="DU30" s="814"/>
      <c r="DV30" s="809"/>
      <c r="DW30" s="810"/>
      <c r="DX30" s="810"/>
      <c r="DY30" s="810"/>
      <c r="DZ30" s="815"/>
      <c r="EA30" s="226"/>
    </row>
    <row r="31" spans="1:131" ht="26.25" customHeight="1" x14ac:dyDescent="0.2">
      <c r="A31" s="238">
        <v>4</v>
      </c>
      <c r="B31" s="816" t="s">
        <v>412</v>
      </c>
      <c r="C31" s="817"/>
      <c r="D31" s="817"/>
      <c r="E31" s="817"/>
      <c r="F31" s="817"/>
      <c r="G31" s="817"/>
      <c r="H31" s="817"/>
      <c r="I31" s="817"/>
      <c r="J31" s="817"/>
      <c r="K31" s="817"/>
      <c r="L31" s="817"/>
      <c r="M31" s="817"/>
      <c r="N31" s="817"/>
      <c r="O31" s="817"/>
      <c r="P31" s="818"/>
      <c r="Q31" s="819">
        <v>890</v>
      </c>
      <c r="R31" s="820"/>
      <c r="S31" s="820"/>
      <c r="T31" s="820"/>
      <c r="U31" s="820"/>
      <c r="V31" s="820">
        <v>841</v>
      </c>
      <c r="W31" s="820"/>
      <c r="X31" s="820"/>
      <c r="Y31" s="820"/>
      <c r="Z31" s="820"/>
      <c r="AA31" s="820">
        <v>49</v>
      </c>
      <c r="AB31" s="820"/>
      <c r="AC31" s="820"/>
      <c r="AD31" s="820"/>
      <c r="AE31" s="821"/>
      <c r="AF31" s="822">
        <v>49</v>
      </c>
      <c r="AG31" s="823"/>
      <c r="AH31" s="823"/>
      <c r="AI31" s="823"/>
      <c r="AJ31" s="824"/>
      <c r="AK31" s="868">
        <v>317</v>
      </c>
      <c r="AL31" s="865"/>
      <c r="AM31" s="865"/>
      <c r="AN31" s="865"/>
      <c r="AO31" s="865"/>
      <c r="AP31" s="865">
        <v>4777</v>
      </c>
      <c r="AQ31" s="865"/>
      <c r="AR31" s="865"/>
      <c r="AS31" s="865"/>
      <c r="AT31" s="865"/>
      <c r="AU31" s="865">
        <v>3487</v>
      </c>
      <c r="AV31" s="865"/>
      <c r="AW31" s="865"/>
      <c r="AX31" s="865"/>
      <c r="AY31" s="865"/>
      <c r="AZ31" s="865" t="s">
        <v>588</v>
      </c>
      <c r="BA31" s="865"/>
      <c r="BB31" s="865"/>
      <c r="BC31" s="865"/>
      <c r="BD31" s="865"/>
      <c r="BE31" s="866" t="s">
        <v>413</v>
      </c>
      <c r="BF31" s="866"/>
      <c r="BG31" s="866"/>
      <c r="BH31" s="866"/>
      <c r="BI31" s="867"/>
      <c r="BJ31" s="228"/>
      <c r="BK31" s="228"/>
      <c r="BL31" s="228"/>
      <c r="BM31" s="228"/>
      <c r="BN31" s="228"/>
      <c r="BO31" s="237"/>
      <c r="BP31" s="237"/>
      <c r="BQ31" s="234">
        <v>25</v>
      </c>
      <c r="BR31" s="235"/>
      <c r="BS31" s="809"/>
      <c r="BT31" s="810"/>
      <c r="BU31" s="810"/>
      <c r="BV31" s="810"/>
      <c r="BW31" s="810"/>
      <c r="BX31" s="810"/>
      <c r="BY31" s="810"/>
      <c r="BZ31" s="810"/>
      <c r="CA31" s="810"/>
      <c r="CB31" s="810"/>
      <c r="CC31" s="810"/>
      <c r="CD31" s="810"/>
      <c r="CE31" s="810"/>
      <c r="CF31" s="810"/>
      <c r="CG31" s="811"/>
      <c r="CH31" s="812"/>
      <c r="CI31" s="813"/>
      <c r="CJ31" s="813"/>
      <c r="CK31" s="813"/>
      <c r="CL31" s="814"/>
      <c r="CM31" s="812"/>
      <c r="CN31" s="813"/>
      <c r="CO31" s="813"/>
      <c r="CP31" s="813"/>
      <c r="CQ31" s="814"/>
      <c r="CR31" s="812"/>
      <c r="CS31" s="813"/>
      <c r="CT31" s="813"/>
      <c r="CU31" s="813"/>
      <c r="CV31" s="814"/>
      <c r="CW31" s="812"/>
      <c r="CX31" s="813"/>
      <c r="CY31" s="813"/>
      <c r="CZ31" s="813"/>
      <c r="DA31" s="814"/>
      <c r="DB31" s="812"/>
      <c r="DC31" s="813"/>
      <c r="DD31" s="813"/>
      <c r="DE31" s="813"/>
      <c r="DF31" s="814"/>
      <c r="DG31" s="812"/>
      <c r="DH31" s="813"/>
      <c r="DI31" s="813"/>
      <c r="DJ31" s="813"/>
      <c r="DK31" s="814"/>
      <c r="DL31" s="812"/>
      <c r="DM31" s="813"/>
      <c r="DN31" s="813"/>
      <c r="DO31" s="813"/>
      <c r="DP31" s="814"/>
      <c r="DQ31" s="812"/>
      <c r="DR31" s="813"/>
      <c r="DS31" s="813"/>
      <c r="DT31" s="813"/>
      <c r="DU31" s="814"/>
      <c r="DV31" s="809"/>
      <c r="DW31" s="810"/>
      <c r="DX31" s="810"/>
      <c r="DY31" s="810"/>
      <c r="DZ31" s="815"/>
      <c r="EA31" s="226"/>
    </row>
    <row r="32" spans="1:131" ht="26.25" customHeight="1" x14ac:dyDescent="0.2">
      <c r="A32" s="238">
        <v>5</v>
      </c>
      <c r="B32" s="816"/>
      <c r="C32" s="817"/>
      <c r="D32" s="817"/>
      <c r="E32" s="817"/>
      <c r="F32" s="817"/>
      <c r="G32" s="817"/>
      <c r="H32" s="817"/>
      <c r="I32" s="817"/>
      <c r="J32" s="817"/>
      <c r="K32" s="817"/>
      <c r="L32" s="817"/>
      <c r="M32" s="817"/>
      <c r="N32" s="817"/>
      <c r="O32" s="817"/>
      <c r="P32" s="818"/>
      <c r="Q32" s="819"/>
      <c r="R32" s="820"/>
      <c r="S32" s="820"/>
      <c r="T32" s="820"/>
      <c r="U32" s="820"/>
      <c r="V32" s="820"/>
      <c r="W32" s="820"/>
      <c r="X32" s="820"/>
      <c r="Y32" s="820"/>
      <c r="Z32" s="820"/>
      <c r="AA32" s="820"/>
      <c r="AB32" s="820"/>
      <c r="AC32" s="820"/>
      <c r="AD32" s="820"/>
      <c r="AE32" s="821"/>
      <c r="AF32" s="822"/>
      <c r="AG32" s="823"/>
      <c r="AH32" s="823"/>
      <c r="AI32" s="823"/>
      <c r="AJ32" s="824"/>
      <c r="AK32" s="868"/>
      <c r="AL32" s="865"/>
      <c r="AM32" s="865"/>
      <c r="AN32" s="865"/>
      <c r="AO32" s="865"/>
      <c r="AP32" s="865"/>
      <c r="AQ32" s="865"/>
      <c r="AR32" s="865"/>
      <c r="AS32" s="865"/>
      <c r="AT32" s="865"/>
      <c r="AU32" s="865"/>
      <c r="AV32" s="865"/>
      <c r="AW32" s="865"/>
      <c r="AX32" s="865"/>
      <c r="AY32" s="865"/>
      <c r="AZ32" s="869"/>
      <c r="BA32" s="869"/>
      <c r="BB32" s="869"/>
      <c r="BC32" s="869"/>
      <c r="BD32" s="869"/>
      <c r="BE32" s="866"/>
      <c r="BF32" s="866"/>
      <c r="BG32" s="866"/>
      <c r="BH32" s="866"/>
      <c r="BI32" s="867"/>
      <c r="BJ32" s="228"/>
      <c r="BK32" s="228"/>
      <c r="BL32" s="228"/>
      <c r="BM32" s="228"/>
      <c r="BN32" s="228"/>
      <c r="BO32" s="237"/>
      <c r="BP32" s="237"/>
      <c r="BQ32" s="234">
        <v>26</v>
      </c>
      <c r="BR32" s="235"/>
      <c r="BS32" s="809"/>
      <c r="BT32" s="810"/>
      <c r="BU32" s="810"/>
      <c r="BV32" s="810"/>
      <c r="BW32" s="810"/>
      <c r="BX32" s="810"/>
      <c r="BY32" s="810"/>
      <c r="BZ32" s="810"/>
      <c r="CA32" s="810"/>
      <c r="CB32" s="810"/>
      <c r="CC32" s="810"/>
      <c r="CD32" s="810"/>
      <c r="CE32" s="810"/>
      <c r="CF32" s="810"/>
      <c r="CG32" s="811"/>
      <c r="CH32" s="812"/>
      <c r="CI32" s="813"/>
      <c r="CJ32" s="813"/>
      <c r="CK32" s="813"/>
      <c r="CL32" s="814"/>
      <c r="CM32" s="812"/>
      <c r="CN32" s="813"/>
      <c r="CO32" s="813"/>
      <c r="CP32" s="813"/>
      <c r="CQ32" s="814"/>
      <c r="CR32" s="812"/>
      <c r="CS32" s="813"/>
      <c r="CT32" s="813"/>
      <c r="CU32" s="813"/>
      <c r="CV32" s="814"/>
      <c r="CW32" s="812"/>
      <c r="CX32" s="813"/>
      <c r="CY32" s="813"/>
      <c r="CZ32" s="813"/>
      <c r="DA32" s="814"/>
      <c r="DB32" s="812"/>
      <c r="DC32" s="813"/>
      <c r="DD32" s="813"/>
      <c r="DE32" s="813"/>
      <c r="DF32" s="814"/>
      <c r="DG32" s="812"/>
      <c r="DH32" s="813"/>
      <c r="DI32" s="813"/>
      <c r="DJ32" s="813"/>
      <c r="DK32" s="814"/>
      <c r="DL32" s="812"/>
      <c r="DM32" s="813"/>
      <c r="DN32" s="813"/>
      <c r="DO32" s="813"/>
      <c r="DP32" s="814"/>
      <c r="DQ32" s="812"/>
      <c r="DR32" s="813"/>
      <c r="DS32" s="813"/>
      <c r="DT32" s="813"/>
      <c r="DU32" s="814"/>
      <c r="DV32" s="809"/>
      <c r="DW32" s="810"/>
      <c r="DX32" s="810"/>
      <c r="DY32" s="810"/>
      <c r="DZ32" s="815"/>
      <c r="EA32" s="226"/>
    </row>
    <row r="33" spans="1:131" ht="26.25" customHeight="1" x14ac:dyDescent="0.2">
      <c r="A33" s="238">
        <v>6</v>
      </c>
      <c r="B33" s="816"/>
      <c r="C33" s="817"/>
      <c r="D33" s="817"/>
      <c r="E33" s="817"/>
      <c r="F33" s="817"/>
      <c r="G33" s="817"/>
      <c r="H33" s="817"/>
      <c r="I33" s="817"/>
      <c r="J33" s="817"/>
      <c r="K33" s="817"/>
      <c r="L33" s="817"/>
      <c r="M33" s="817"/>
      <c r="N33" s="817"/>
      <c r="O33" s="817"/>
      <c r="P33" s="818"/>
      <c r="Q33" s="819"/>
      <c r="R33" s="820"/>
      <c r="S33" s="820"/>
      <c r="T33" s="820"/>
      <c r="U33" s="820"/>
      <c r="V33" s="820"/>
      <c r="W33" s="820"/>
      <c r="X33" s="820"/>
      <c r="Y33" s="820"/>
      <c r="Z33" s="820"/>
      <c r="AA33" s="820"/>
      <c r="AB33" s="820"/>
      <c r="AC33" s="820"/>
      <c r="AD33" s="820"/>
      <c r="AE33" s="821"/>
      <c r="AF33" s="822"/>
      <c r="AG33" s="823"/>
      <c r="AH33" s="823"/>
      <c r="AI33" s="823"/>
      <c r="AJ33" s="824"/>
      <c r="AK33" s="868"/>
      <c r="AL33" s="865"/>
      <c r="AM33" s="865"/>
      <c r="AN33" s="865"/>
      <c r="AO33" s="865"/>
      <c r="AP33" s="865"/>
      <c r="AQ33" s="865"/>
      <c r="AR33" s="865"/>
      <c r="AS33" s="865"/>
      <c r="AT33" s="865"/>
      <c r="AU33" s="865"/>
      <c r="AV33" s="865"/>
      <c r="AW33" s="865"/>
      <c r="AX33" s="865"/>
      <c r="AY33" s="865"/>
      <c r="AZ33" s="869"/>
      <c r="BA33" s="869"/>
      <c r="BB33" s="869"/>
      <c r="BC33" s="869"/>
      <c r="BD33" s="869"/>
      <c r="BE33" s="866"/>
      <c r="BF33" s="866"/>
      <c r="BG33" s="866"/>
      <c r="BH33" s="866"/>
      <c r="BI33" s="867"/>
      <c r="BJ33" s="228"/>
      <c r="BK33" s="228"/>
      <c r="BL33" s="228"/>
      <c r="BM33" s="228"/>
      <c r="BN33" s="228"/>
      <c r="BO33" s="237"/>
      <c r="BP33" s="237"/>
      <c r="BQ33" s="234">
        <v>27</v>
      </c>
      <c r="BR33" s="235"/>
      <c r="BS33" s="809"/>
      <c r="BT33" s="810"/>
      <c r="BU33" s="810"/>
      <c r="BV33" s="810"/>
      <c r="BW33" s="810"/>
      <c r="BX33" s="810"/>
      <c r="BY33" s="810"/>
      <c r="BZ33" s="810"/>
      <c r="CA33" s="810"/>
      <c r="CB33" s="810"/>
      <c r="CC33" s="810"/>
      <c r="CD33" s="810"/>
      <c r="CE33" s="810"/>
      <c r="CF33" s="810"/>
      <c r="CG33" s="811"/>
      <c r="CH33" s="812"/>
      <c r="CI33" s="813"/>
      <c r="CJ33" s="813"/>
      <c r="CK33" s="813"/>
      <c r="CL33" s="814"/>
      <c r="CM33" s="812"/>
      <c r="CN33" s="813"/>
      <c r="CO33" s="813"/>
      <c r="CP33" s="813"/>
      <c r="CQ33" s="814"/>
      <c r="CR33" s="812"/>
      <c r="CS33" s="813"/>
      <c r="CT33" s="813"/>
      <c r="CU33" s="813"/>
      <c r="CV33" s="814"/>
      <c r="CW33" s="812"/>
      <c r="CX33" s="813"/>
      <c r="CY33" s="813"/>
      <c r="CZ33" s="813"/>
      <c r="DA33" s="814"/>
      <c r="DB33" s="812"/>
      <c r="DC33" s="813"/>
      <c r="DD33" s="813"/>
      <c r="DE33" s="813"/>
      <c r="DF33" s="814"/>
      <c r="DG33" s="812"/>
      <c r="DH33" s="813"/>
      <c r="DI33" s="813"/>
      <c r="DJ33" s="813"/>
      <c r="DK33" s="814"/>
      <c r="DL33" s="812"/>
      <c r="DM33" s="813"/>
      <c r="DN33" s="813"/>
      <c r="DO33" s="813"/>
      <c r="DP33" s="814"/>
      <c r="DQ33" s="812"/>
      <c r="DR33" s="813"/>
      <c r="DS33" s="813"/>
      <c r="DT33" s="813"/>
      <c r="DU33" s="814"/>
      <c r="DV33" s="809"/>
      <c r="DW33" s="810"/>
      <c r="DX33" s="810"/>
      <c r="DY33" s="810"/>
      <c r="DZ33" s="815"/>
      <c r="EA33" s="226"/>
    </row>
    <row r="34" spans="1:131" ht="26.25" customHeight="1" x14ac:dyDescent="0.2">
      <c r="A34" s="238">
        <v>7</v>
      </c>
      <c r="B34" s="816"/>
      <c r="C34" s="817"/>
      <c r="D34" s="817"/>
      <c r="E34" s="817"/>
      <c r="F34" s="817"/>
      <c r="G34" s="817"/>
      <c r="H34" s="817"/>
      <c r="I34" s="817"/>
      <c r="J34" s="817"/>
      <c r="K34" s="817"/>
      <c r="L34" s="817"/>
      <c r="M34" s="817"/>
      <c r="N34" s="817"/>
      <c r="O34" s="817"/>
      <c r="P34" s="818"/>
      <c r="Q34" s="819"/>
      <c r="R34" s="820"/>
      <c r="S34" s="820"/>
      <c r="T34" s="820"/>
      <c r="U34" s="820"/>
      <c r="V34" s="820"/>
      <c r="W34" s="820"/>
      <c r="X34" s="820"/>
      <c r="Y34" s="820"/>
      <c r="Z34" s="820"/>
      <c r="AA34" s="820"/>
      <c r="AB34" s="820"/>
      <c r="AC34" s="820"/>
      <c r="AD34" s="820"/>
      <c r="AE34" s="821"/>
      <c r="AF34" s="822"/>
      <c r="AG34" s="823"/>
      <c r="AH34" s="823"/>
      <c r="AI34" s="823"/>
      <c r="AJ34" s="824"/>
      <c r="AK34" s="868"/>
      <c r="AL34" s="865"/>
      <c r="AM34" s="865"/>
      <c r="AN34" s="865"/>
      <c r="AO34" s="865"/>
      <c r="AP34" s="865"/>
      <c r="AQ34" s="865"/>
      <c r="AR34" s="865"/>
      <c r="AS34" s="865"/>
      <c r="AT34" s="865"/>
      <c r="AU34" s="865"/>
      <c r="AV34" s="865"/>
      <c r="AW34" s="865"/>
      <c r="AX34" s="865"/>
      <c r="AY34" s="865"/>
      <c r="AZ34" s="869"/>
      <c r="BA34" s="869"/>
      <c r="BB34" s="869"/>
      <c r="BC34" s="869"/>
      <c r="BD34" s="869"/>
      <c r="BE34" s="866"/>
      <c r="BF34" s="866"/>
      <c r="BG34" s="866"/>
      <c r="BH34" s="866"/>
      <c r="BI34" s="867"/>
      <c r="BJ34" s="228"/>
      <c r="BK34" s="228"/>
      <c r="BL34" s="228"/>
      <c r="BM34" s="228"/>
      <c r="BN34" s="228"/>
      <c r="BO34" s="237"/>
      <c r="BP34" s="237"/>
      <c r="BQ34" s="234">
        <v>28</v>
      </c>
      <c r="BR34" s="235"/>
      <c r="BS34" s="809"/>
      <c r="BT34" s="810"/>
      <c r="BU34" s="810"/>
      <c r="BV34" s="810"/>
      <c r="BW34" s="810"/>
      <c r="BX34" s="810"/>
      <c r="BY34" s="810"/>
      <c r="BZ34" s="810"/>
      <c r="CA34" s="810"/>
      <c r="CB34" s="810"/>
      <c r="CC34" s="810"/>
      <c r="CD34" s="810"/>
      <c r="CE34" s="810"/>
      <c r="CF34" s="810"/>
      <c r="CG34" s="811"/>
      <c r="CH34" s="812"/>
      <c r="CI34" s="813"/>
      <c r="CJ34" s="813"/>
      <c r="CK34" s="813"/>
      <c r="CL34" s="814"/>
      <c r="CM34" s="812"/>
      <c r="CN34" s="813"/>
      <c r="CO34" s="813"/>
      <c r="CP34" s="813"/>
      <c r="CQ34" s="814"/>
      <c r="CR34" s="812"/>
      <c r="CS34" s="813"/>
      <c r="CT34" s="813"/>
      <c r="CU34" s="813"/>
      <c r="CV34" s="814"/>
      <c r="CW34" s="812"/>
      <c r="CX34" s="813"/>
      <c r="CY34" s="813"/>
      <c r="CZ34" s="813"/>
      <c r="DA34" s="814"/>
      <c r="DB34" s="812"/>
      <c r="DC34" s="813"/>
      <c r="DD34" s="813"/>
      <c r="DE34" s="813"/>
      <c r="DF34" s="814"/>
      <c r="DG34" s="812"/>
      <c r="DH34" s="813"/>
      <c r="DI34" s="813"/>
      <c r="DJ34" s="813"/>
      <c r="DK34" s="814"/>
      <c r="DL34" s="812"/>
      <c r="DM34" s="813"/>
      <c r="DN34" s="813"/>
      <c r="DO34" s="813"/>
      <c r="DP34" s="814"/>
      <c r="DQ34" s="812"/>
      <c r="DR34" s="813"/>
      <c r="DS34" s="813"/>
      <c r="DT34" s="813"/>
      <c r="DU34" s="814"/>
      <c r="DV34" s="809"/>
      <c r="DW34" s="810"/>
      <c r="DX34" s="810"/>
      <c r="DY34" s="810"/>
      <c r="DZ34" s="815"/>
      <c r="EA34" s="226"/>
    </row>
    <row r="35" spans="1:131" ht="26.25" customHeight="1" x14ac:dyDescent="0.2">
      <c r="A35" s="238">
        <v>8</v>
      </c>
      <c r="B35" s="816"/>
      <c r="C35" s="817"/>
      <c r="D35" s="817"/>
      <c r="E35" s="817"/>
      <c r="F35" s="817"/>
      <c r="G35" s="817"/>
      <c r="H35" s="817"/>
      <c r="I35" s="817"/>
      <c r="J35" s="817"/>
      <c r="K35" s="817"/>
      <c r="L35" s="817"/>
      <c r="M35" s="817"/>
      <c r="N35" s="817"/>
      <c r="O35" s="817"/>
      <c r="P35" s="818"/>
      <c r="Q35" s="819"/>
      <c r="R35" s="820"/>
      <c r="S35" s="820"/>
      <c r="T35" s="820"/>
      <c r="U35" s="820"/>
      <c r="V35" s="820"/>
      <c r="W35" s="820"/>
      <c r="X35" s="820"/>
      <c r="Y35" s="820"/>
      <c r="Z35" s="820"/>
      <c r="AA35" s="820"/>
      <c r="AB35" s="820"/>
      <c r="AC35" s="820"/>
      <c r="AD35" s="820"/>
      <c r="AE35" s="821"/>
      <c r="AF35" s="822"/>
      <c r="AG35" s="823"/>
      <c r="AH35" s="823"/>
      <c r="AI35" s="823"/>
      <c r="AJ35" s="824"/>
      <c r="AK35" s="868"/>
      <c r="AL35" s="865"/>
      <c r="AM35" s="865"/>
      <c r="AN35" s="865"/>
      <c r="AO35" s="865"/>
      <c r="AP35" s="865"/>
      <c r="AQ35" s="865"/>
      <c r="AR35" s="865"/>
      <c r="AS35" s="865"/>
      <c r="AT35" s="865"/>
      <c r="AU35" s="865"/>
      <c r="AV35" s="865"/>
      <c r="AW35" s="865"/>
      <c r="AX35" s="865"/>
      <c r="AY35" s="865"/>
      <c r="AZ35" s="869"/>
      <c r="BA35" s="869"/>
      <c r="BB35" s="869"/>
      <c r="BC35" s="869"/>
      <c r="BD35" s="869"/>
      <c r="BE35" s="866"/>
      <c r="BF35" s="866"/>
      <c r="BG35" s="866"/>
      <c r="BH35" s="866"/>
      <c r="BI35" s="867"/>
      <c r="BJ35" s="228"/>
      <c r="BK35" s="228"/>
      <c r="BL35" s="228"/>
      <c r="BM35" s="228"/>
      <c r="BN35" s="228"/>
      <c r="BO35" s="237"/>
      <c r="BP35" s="237"/>
      <c r="BQ35" s="234">
        <v>29</v>
      </c>
      <c r="BR35" s="235"/>
      <c r="BS35" s="809"/>
      <c r="BT35" s="810"/>
      <c r="BU35" s="810"/>
      <c r="BV35" s="810"/>
      <c r="BW35" s="810"/>
      <c r="BX35" s="810"/>
      <c r="BY35" s="810"/>
      <c r="BZ35" s="810"/>
      <c r="CA35" s="810"/>
      <c r="CB35" s="810"/>
      <c r="CC35" s="810"/>
      <c r="CD35" s="810"/>
      <c r="CE35" s="810"/>
      <c r="CF35" s="810"/>
      <c r="CG35" s="811"/>
      <c r="CH35" s="812"/>
      <c r="CI35" s="813"/>
      <c r="CJ35" s="813"/>
      <c r="CK35" s="813"/>
      <c r="CL35" s="814"/>
      <c r="CM35" s="812"/>
      <c r="CN35" s="813"/>
      <c r="CO35" s="813"/>
      <c r="CP35" s="813"/>
      <c r="CQ35" s="814"/>
      <c r="CR35" s="812"/>
      <c r="CS35" s="813"/>
      <c r="CT35" s="813"/>
      <c r="CU35" s="813"/>
      <c r="CV35" s="814"/>
      <c r="CW35" s="812"/>
      <c r="CX35" s="813"/>
      <c r="CY35" s="813"/>
      <c r="CZ35" s="813"/>
      <c r="DA35" s="814"/>
      <c r="DB35" s="812"/>
      <c r="DC35" s="813"/>
      <c r="DD35" s="813"/>
      <c r="DE35" s="813"/>
      <c r="DF35" s="814"/>
      <c r="DG35" s="812"/>
      <c r="DH35" s="813"/>
      <c r="DI35" s="813"/>
      <c r="DJ35" s="813"/>
      <c r="DK35" s="814"/>
      <c r="DL35" s="812"/>
      <c r="DM35" s="813"/>
      <c r="DN35" s="813"/>
      <c r="DO35" s="813"/>
      <c r="DP35" s="814"/>
      <c r="DQ35" s="812"/>
      <c r="DR35" s="813"/>
      <c r="DS35" s="813"/>
      <c r="DT35" s="813"/>
      <c r="DU35" s="814"/>
      <c r="DV35" s="809"/>
      <c r="DW35" s="810"/>
      <c r="DX35" s="810"/>
      <c r="DY35" s="810"/>
      <c r="DZ35" s="815"/>
      <c r="EA35" s="226"/>
    </row>
    <row r="36" spans="1:131" ht="26.25" customHeight="1" x14ac:dyDescent="0.2">
      <c r="A36" s="238">
        <v>9</v>
      </c>
      <c r="B36" s="816"/>
      <c r="C36" s="817"/>
      <c r="D36" s="817"/>
      <c r="E36" s="817"/>
      <c r="F36" s="817"/>
      <c r="G36" s="817"/>
      <c r="H36" s="817"/>
      <c r="I36" s="817"/>
      <c r="J36" s="817"/>
      <c r="K36" s="817"/>
      <c r="L36" s="817"/>
      <c r="M36" s="817"/>
      <c r="N36" s="817"/>
      <c r="O36" s="817"/>
      <c r="P36" s="818"/>
      <c r="Q36" s="819"/>
      <c r="R36" s="820"/>
      <c r="S36" s="820"/>
      <c r="T36" s="820"/>
      <c r="U36" s="820"/>
      <c r="V36" s="820"/>
      <c r="W36" s="820"/>
      <c r="X36" s="820"/>
      <c r="Y36" s="820"/>
      <c r="Z36" s="820"/>
      <c r="AA36" s="820"/>
      <c r="AB36" s="820"/>
      <c r="AC36" s="820"/>
      <c r="AD36" s="820"/>
      <c r="AE36" s="821"/>
      <c r="AF36" s="822"/>
      <c r="AG36" s="823"/>
      <c r="AH36" s="823"/>
      <c r="AI36" s="823"/>
      <c r="AJ36" s="824"/>
      <c r="AK36" s="868"/>
      <c r="AL36" s="865"/>
      <c r="AM36" s="865"/>
      <c r="AN36" s="865"/>
      <c r="AO36" s="865"/>
      <c r="AP36" s="865"/>
      <c r="AQ36" s="865"/>
      <c r="AR36" s="865"/>
      <c r="AS36" s="865"/>
      <c r="AT36" s="865"/>
      <c r="AU36" s="865"/>
      <c r="AV36" s="865"/>
      <c r="AW36" s="865"/>
      <c r="AX36" s="865"/>
      <c r="AY36" s="865"/>
      <c r="AZ36" s="869"/>
      <c r="BA36" s="869"/>
      <c r="BB36" s="869"/>
      <c r="BC36" s="869"/>
      <c r="BD36" s="869"/>
      <c r="BE36" s="866"/>
      <c r="BF36" s="866"/>
      <c r="BG36" s="866"/>
      <c r="BH36" s="866"/>
      <c r="BI36" s="867"/>
      <c r="BJ36" s="228"/>
      <c r="BK36" s="228"/>
      <c r="BL36" s="228"/>
      <c r="BM36" s="228"/>
      <c r="BN36" s="228"/>
      <c r="BO36" s="237"/>
      <c r="BP36" s="237"/>
      <c r="BQ36" s="234">
        <v>30</v>
      </c>
      <c r="BR36" s="235"/>
      <c r="BS36" s="809"/>
      <c r="BT36" s="810"/>
      <c r="BU36" s="810"/>
      <c r="BV36" s="810"/>
      <c r="BW36" s="810"/>
      <c r="BX36" s="810"/>
      <c r="BY36" s="810"/>
      <c r="BZ36" s="810"/>
      <c r="CA36" s="810"/>
      <c r="CB36" s="810"/>
      <c r="CC36" s="810"/>
      <c r="CD36" s="810"/>
      <c r="CE36" s="810"/>
      <c r="CF36" s="810"/>
      <c r="CG36" s="811"/>
      <c r="CH36" s="812"/>
      <c r="CI36" s="813"/>
      <c r="CJ36" s="813"/>
      <c r="CK36" s="813"/>
      <c r="CL36" s="814"/>
      <c r="CM36" s="812"/>
      <c r="CN36" s="813"/>
      <c r="CO36" s="813"/>
      <c r="CP36" s="813"/>
      <c r="CQ36" s="814"/>
      <c r="CR36" s="812"/>
      <c r="CS36" s="813"/>
      <c r="CT36" s="813"/>
      <c r="CU36" s="813"/>
      <c r="CV36" s="814"/>
      <c r="CW36" s="812"/>
      <c r="CX36" s="813"/>
      <c r="CY36" s="813"/>
      <c r="CZ36" s="813"/>
      <c r="DA36" s="814"/>
      <c r="DB36" s="812"/>
      <c r="DC36" s="813"/>
      <c r="DD36" s="813"/>
      <c r="DE36" s="813"/>
      <c r="DF36" s="814"/>
      <c r="DG36" s="812"/>
      <c r="DH36" s="813"/>
      <c r="DI36" s="813"/>
      <c r="DJ36" s="813"/>
      <c r="DK36" s="814"/>
      <c r="DL36" s="812"/>
      <c r="DM36" s="813"/>
      <c r="DN36" s="813"/>
      <c r="DO36" s="813"/>
      <c r="DP36" s="814"/>
      <c r="DQ36" s="812"/>
      <c r="DR36" s="813"/>
      <c r="DS36" s="813"/>
      <c r="DT36" s="813"/>
      <c r="DU36" s="814"/>
      <c r="DV36" s="809"/>
      <c r="DW36" s="810"/>
      <c r="DX36" s="810"/>
      <c r="DY36" s="810"/>
      <c r="DZ36" s="815"/>
      <c r="EA36" s="226"/>
    </row>
    <row r="37" spans="1:131" ht="26.25" customHeight="1" x14ac:dyDescent="0.2">
      <c r="A37" s="238">
        <v>10</v>
      </c>
      <c r="B37" s="816"/>
      <c r="C37" s="817"/>
      <c r="D37" s="817"/>
      <c r="E37" s="817"/>
      <c r="F37" s="817"/>
      <c r="G37" s="817"/>
      <c r="H37" s="817"/>
      <c r="I37" s="817"/>
      <c r="J37" s="817"/>
      <c r="K37" s="817"/>
      <c r="L37" s="817"/>
      <c r="M37" s="817"/>
      <c r="N37" s="817"/>
      <c r="O37" s="817"/>
      <c r="P37" s="818"/>
      <c r="Q37" s="819"/>
      <c r="R37" s="820"/>
      <c r="S37" s="820"/>
      <c r="T37" s="820"/>
      <c r="U37" s="820"/>
      <c r="V37" s="820"/>
      <c r="W37" s="820"/>
      <c r="X37" s="820"/>
      <c r="Y37" s="820"/>
      <c r="Z37" s="820"/>
      <c r="AA37" s="820"/>
      <c r="AB37" s="820"/>
      <c r="AC37" s="820"/>
      <c r="AD37" s="820"/>
      <c r="AE37" s="821"/>
      <c r="AF37" s="822"/>
      <c r="AG37" s="823"/>
      <c r="AH37" s="823"/>
      <c r="AI37" s="823"/>
      <c r="AJ37" s="824"/>
      <c r="AK37" s="868"/>
      <c r="AL37" s="865"/>
      <c r="AM37" s="865"/>
      <c r="AN37" s="865"/>
      <c r="AO37" s="865"/>
      <c r="AP37" s="865"/>
      <c r="AQ37" s="865"/>
      <c r="AR37" s="865"/>
      <c r="AS37" s="865"/>
      <c r="AT37" s="865"/>
      <c r="AU37" s="865"/>
      <c r="AV37" s="865"/>
      <c r="AW37" s="865"/>
      <c r="AX37" s="865"/>
      <c r="AY37" s="865"/>
      <c r="AZ37" s="869"/>
      <c r="BA37" s="869"/>
      <c r="BB37" s="869"/>
      <c r="BC37" s="869"/>
      <c r="BD37" s="869"/>
      <c r="BE37" s="866"/>
      <c r="BF37" s="866"/>
      <c r="BG37" s="866"/>
      <c r="BH37" s="866"/>
      <c r="BI37" s="867"/>
      <c r="BJ37" s="228"/>
      <c r="BK37" s="228"/>
      <c r="BL37" s="228"/>
      <c r="BM37" s="228"/>
      <c r="BN37" s="228"/>
      <c r="BO37" s="237"/>
      <c r="BP37" s="237"/>
      <c r="BQ37" s="234">
        <v>31</v>
      </c>
      <c r="BR37" s="235"/>
      <c r="BS37" s="809"/>
      <c r="BT37" s="810"/>
      <c r="BU37" s="810"/>
      <c r="BV37" s="810"/>
      <c r="BW37" s="810"/>
      <c r="BX37" s="810"/>
      <c r="BY37" s="810"/>
      <c r="BZ37" s="810"/>
      <c r="CA37" s="810"/>
      <c r="CB37" s="810"/>
      <c r="CC37" s="810"/>
      <c r="CD37" s="810"/>
      <c r="CE37" s="810"/>
      <c r="CF37" s="810"/>
      <c r="CG37" s="811"/>
      <c r="CH37" s="812"/>
      <c r="CI37" s="813"/>
      <c r="CJ37" s="813"/>
      <c r="CK37" s="813"/>
      <c r="CL37" s="814"/>
      <c r="CM37" s="812"/>
      <c r="CN37" s="813"/>
      <c r="CO37" s="813"/>
      <c r="CP37" s="813"/>
      <c r="CQ37" s="814"/>
      <c r="CR37" s="812"/>
      <c r="CS37" s="813"/>
      <c r="CT37" s="813"/>
      <c r="CU37" s="813"/>
      <c r="CV37" s="814"/>
      <c r="CW37" s="812"/>
      <c r="CX37" s="813"/>
      <c r="CY37" s="813"/>
      <c r="CZ37" s="813"/>
      <c r="DA37" s="814"/>
      <c r="DB37" s="812"/>
      <c r="DC37" s="813"/>
      <c r="DD37" s="813"/>
      <c r="DE37" s="813"/>
      <c r="DF37" s="814"/>
      <c r="DG37" s="812"/>
      <c r="DH37" s="813"/>
      <c r="DI37" s="813"/>
      <c r="DJ37" s="813"/>
      <c r="DK37" s="814"/>
      <c r="DL37" s="812"/>
      <c r="DM37" s="813"/>
      <c r="DN37" s="813"/>
      <c r="DO37" s="813"/>
      <c r="DP37" s="814"/>
      <c r="DQ37" s="812"/>
      <c r="DR37" s="813"/>
      <c r="DS37" s="813"/>
      <c r="DT37" s="813"/>
      <c r="DU37" s="814"/>
      <c r="DV37" s="809"/>
      <c r="DW37" s="810"/>
      <c r="DX37" s="810"/>
      <c r="DY37" s="810"/>
      <c r="DZ37" s="815"/>
      <c r="EA37" s="226"/>
    </row>
    <row r="38" spans="1:131" ht="26.25" customHeight="1" x14ac:dyDescent="0.2">
      <c r="A38" s="238">
        <v>11</v>
      </c>
      <c r="B38" s="816"/>
      <c r="C38" s="817"/>
      <c r="D38" s="817"/>
      <c r="E38" s="817"/>
      <c r="F38" s="817"/>
      <c r="G38" s="817"/>
      <c r="H38" s="817"/>
      <c r="I38" s="817"/>
      <c r="J38" s="817"/>
      <c r="K38" s="817"/>
      <c r="L38" s="817"/>
      <c r="M38" s="817"/>
      <c r="N38" s="817"/>
      <c r="O38" s="817"/>
      <c r="P38" s="818"/>
      <c r="Q38" s="819"/>
      <c r="R38" s="820"/>
      <c r="S38" s="820"/>
      <c r="T38" s="820"/>
      <c r="U38" s="820"/>
      <c r="V38" s="820"/>
      <c r="W38" s="820"/>
      <c r="X38" s="820"/>
      <c r="Y38" s="820"/>
      <c r="Z38" s="820"/>
      <c r="AA38" s="820"/>
      <c r="AB38" s="820"/>
      <c r="AC38" s="820"/>
      <c r="AD38" s="820"/>
      <c r="AE38" s="821"/>
      <c r="AF38" s="822"/>
      <c r="AG38" s="823"/>
      <c r="AH38" s="823"/>
      <c r="AI38" s="823"/>
      <c r="AJ38" s="824"/>
      <c r="AK38" s="868"/>
      <c r="AL38" s="865"/>
      <c r="AM38" s="865"/>
      <c r="AN38" s="865"/>
      <c r="AO38" s="865"/>
      <c r="AP38" s="865"/>
      <c r="AQ38" s="865"/>
      <c r="AR38" s="865"/>
      <c r="AS38" s="865"/>
      <c r="AT38" s="865"/>
      <c r="AU38" s="865"/>
      <c r="AV38" s="865"/>
      <c r="AW38" s="865"/>
      <c r="AX38" s="865"/>
      <c r="AY38" s="865"/>
      <c r="AZ38" s="869"/>
      <c r="BA38" s="869"/>
      <c r="BB38" s="869"/>
      <c r="BC38" s="869"/>
      <c r="BD38" s="869"/>
      <c r="BE38" s="866"/>
      <c r="BF38" s="866"/>
      <c r="BG38" s="866"/>
      <c r="BH38" s="866"/>
      <c r="BI38" s="867"/>
      <c r="BJ38" s="228"/>
      <c r="BK38" s="228"/>
      <c r="BL38" s="228"/>
      <c r="BM38" s="228"/>
      <c r="BN38" s="228"/>
      <c r="BO38" s="237"/>
      <c r="BP38" s="237"/>
      <c r="BQ38" s="234">
        <v>32</v>
      </c>
      <c r="BR38" s="235"/>
      <c r="BS38" s="809"/>
      <c r="BT38" s="810"/>
      <c r="BU38" s="810"/>
      <c r="BV38" s="810"/>
      <c r="BW38" s="810"/>
      <c r="BX38" s="810"/>
      <c r="BY38" s="810"/>
      <c r="BZ38" s="810"/>
      <c r="CA38" s="810"/>
      <c r="CB38" s="810"/>
      <c r="CC38" s="810"/>
      <c r="CD38" s="810"/>
      <c r="CE38" s="810"/>
      <c r="CF38" s="810"/>
      <c r="CG38" s="811"/>
      <c r="CH38" s="812"/>
      <c r="CI38" s="813"/>
      <c r="CJ38" s="813"/>
      <c r="CK38" s="813"/>
      <c r="CL38" s="814"/>
      <c r="CM38" s="812"/>
      <c r="CN38" s="813"/>
      <c r="CO38" s="813"/>
      <c r="CP38" s="813"/>
      <c r="CQ38" s="814"/>
      <c r="CR38" s="812"/>
      <c r="CS38" s="813"/>
      <c r="CT38" s="813"/>
      <c r="CU38" s="813"/>
      <c r="CV38" s="814"/>
      <c r="CW38" s="812"/>
      <c r="CX38" s="813"/>
      <c r="CY38" s="813"/>
      <c r="CZ38" s="813"/>
      <c r="DA38" s="814"/>
      <c r="DB38" s="812"/>
      <c r="DC38" s="813"/>
      <c r="DD38" s="813"/>
      <c r="DE38" s="813"/>
      <c r="DF38" s="814"/>
      <c r="DG38" s="812"/>
      <c r="DH38" s="813"/>
      <c r="DI38" s="813"/>
      <c r="DJ38" s="813"/>
      <c r="DK38" s="814"/>
      <c r="DL38" s="812"/>
      <c r="DM38" s="813"/>
      <c r="DN38" s="813"/>
      <c r="DO38" s="813"/>
      <c r="DP38" s="814"/>
      <c r="DQ38" s="812"/>
      <c r="DR38" s="813"/>
      <c r="DS38" s="813"/>
      <c r="DT38" s="813"/>
      <c r="DU38" s="814"/>
      <c r="DV38" s="809"/>
      <c r="DW38" s="810"/>
      <c r="DX38" s="810"/>
      <c r="DY38" s="810"/>
      <c r="DZ38" s="815"/>
      <c r="EA38" s="226"/>
    </row>
    <row r="39" spans="1:131" ht="26.25" customHeight="1" x14ac:dyDescent="0.2">
      <c r="A39" s="238">
        <v>12</v>
      </c>
      <c r="B39" s="816"/>
      <c r="C39" s="817"/>
      <c r="D39" s="817"/>
      <c r="E39" s="817"/>
      <c r="F39" s="817"/>
      <c r="G39" s="817"/>
      <c r="H39" s="817"/>
      <c r="I39" s="817"/>
      <c r="J39" s="817"/>
      <c r="K39" s="817"/>
      <c r="L39" s="817"/>
      <c r="M39" s="817"/>
      <c r="N39" s="817"/>
      <c r="O39" s="817"/>
      <c r="P39" s="818"/>
      <c r="Q39" s="819"/>
      <c r="R39" s="820"/>
      <c r="S39" s="820"/>
      <c r="T39" s="820"/>
      <c r="U39" s="820"/>
      <c r="V39" s="820"/>
      <c r="W39" s="820"/>
      <c r="X39" s="820"/>
      <c r="Y39" s="820"/>
      <c r="Z39" s="820"/>
      <c r="AA39" s="820"/>
      <c r="AB39" s="820"/>
      <c r="AC39" s="820"/>
      <c r="AD39" s="820"/>
      <c r="AE39" s="821"/>
      <c r="AF39" s="822"/>
      <c r="AG39" s="823"/>
      <c r="AH39" s="823"/>
      <c r="AI39" s="823"/>
      <c r="AJ39" s="824"/>
      <c r="AK39" s="868"/>
      <c r="AL39" s="865"/>
      <c r="AM39" s="865"/>
      <c r="AN39" s="865"/>
      <c r="AO39" s="865"/>
      <c r="AP39" s="865"/>
      <c r="AQ39" s="865"/>
      <c r="AR39" s="865"/>
      <c r="AS39" s="865"/>
      <c r="AT39" s="865"/>
      <c r="AU39" s="865"/>
      <c r="AV39" s="865"/>
      <c r="AW39" s="865"/>
      <c r="AX39" s="865"/>
      <c r="AY39" s="865"/>
      <c r="AZ39" s="869"/>
      <c r="BA39" s="869"/>
      <c r="BB39" s="869"/>
      <c r="BC39" s="869"/>
      <c r="BD39" s="869"/>
      <c r="BE39" s="866"/>
      <c r="BF39" s="866"/>
      <c r="BG39" s="866"/>
      <c r="BH39" s="866"/>
      <c r="BI39" s="867"/>
      <c r="BJ39" s="228"/>
      <c r="BK39" s="228"/>
      <c r="BL39" s="228"/>
      <c r="BM39" s="228"/>
      <c r="BN39" s="228"/>
      <c r="BO39" s="237"/>
      <c r="BP39" s="237"/>
      <c r="BQ39" s="234">
        <v>33</v>
      </c>
      <c r="BR39" s="235"/>
      <c r="BS39" s="809"/>
      <c r="BT39" s="810"/>
      <c r="BU39" s="810"/>
      <c r="BV39" s="810"/>
      <c r="BW39" s="810"/>
      <c r="BX39" s="810"/>
      <c r="BY39" s="810"/>
      <c r="BZ39" s="810"/>
      <c r="CA39" s="810"/>
      <c r="CB39" s="810"/>
      <c r="CC39" s="810"/>
      <c r="CD39" s="810"/>
      <c r="CE39" s="810"/>
      <c r="CF39" s="810"/>
      <c r="CG39" s="811"/>
      <c r="CH39" s="812"/>
      <c r="CI39" s="813"/>
      <c r="CJ39" s="813"/>
      <c r="CK39" s="813"/>
      <c r="CL39" s="814"/>
      <c r="CM39" s="812"/>
      <c r="CN39" s="813"/>
      <c r="CO39" s="813"/>
      <c r="CP39" s="813"/>
      <c r="CQ39" s="814"/>
      <c r="CR39" s="812"/>
      <c r="CS39" s="813"/>
      <c r="CT39" s="813"/>
      <c r="CU39" s="813"/>
      <c r="CV39" s="814"/>
      <c r="CW39" s="812"/>
      <c r="CX39" s="813"/>
      <c r="CY39" s="813"/>
      <c r="CZ39" s="813"/>
      <c r="DA39" s="814"/>
      <c r="DB39" s="812"/>
      <c r="DC39" s="813"/>
      <c r="DD39" s="813"/>
      <c r="DE39" s="813"/>
      <c r="DF39" s="814"/>
      <c r="DG39" s="812"/>
      <c r="DH39" s="813"/>
      <c r="DI39" s="813"/>
      <c r="DJ39" s="813"/>
      <c r="DK39" s="814"/>
      <c r="DL39" s="812"/>
      <c r="DM39" s="813"/>
      <c r="DN39" s="813"/>
      <c r="DO39" s="813"/>
      <c r="DP39" s="814"/>
      <c r="DQ39" s="812"/>
      <c r="DR39" s="813"/>
      <c r="DS39" s="813"/>
      <c r="DT39" s="813"/>
      <c r="DU39" s="814"/>
      <c r="DV39" s="809"/>
      <c r="DW39" s="810"/>
      <c r="DX39" s="810"/>
      <c r="DY39" s="810"/>
      <c r="DZ39" s="815"/>
      <c r="EA39" s="226"/>
    </row>
    <row r="40" spans="1:131" ht="26.25" customHeight="1" x14ac:dyDescent="0.2">
      <c r="A40" s="234">
        <v>13</v>
      </c>
      <c r="B40" s="816"/>
      <c r="C40" s="817"/>
      <c r="D40" s="817"/>
      <c r="E40" s="817"/>
      <c r="F40" s="817"/>
      <c r="G40" s="817"/>
      <c r="H40" s="817"/>
      <c r="I40" s="817"/>
      <c r="J40" s="817"/>
      <c r="K40" s="817"/>
      <c r="L40" s="817"/>
      <c r="M40" s="817"/>
      <c r="N40" s="817"/>
      <c r="O40" s="817"/>
      <c r="P40" s="818"/>
      <c r="Q40" s="819"/>
      <c r="R40" s="820"/>
      <c r="S40" s="820"/>
      <c r="T40" s="820"/>
      <c r="U40" s="820"/>
      <c r="V40" s="820"/>
      <c r="W40" s="820"/>
      <c r="X40" s="820"/>
      <c r="Y40" s="820"/>
      <c r="Z40" s="820"/>
      <c r="AA40" s="820"/>
      <c r="AB40" s="820"/>
      <c r="AC40" s="820"/>
      <c r="AD40" s="820"/>
      <c r="AE40" s="821"/>
      <c r="AF40" s="822"/>
      <c r="AG40" s="823"/>
      <c r="AH40" s="823"/>
      <c r="AI40" s="823"/>
      <c r="AJ40" s="824"/>
      <c r="AK40" s="868"/>
      <c r="AL40" s="865"/>
      <c r="AM40" s="865"/>
      <c r="AN40" s="865"/>
      <c r="AO40" s="865"/>
      <c r="AP40" s="865"/>
      <c r="AQ40" s="865"/>
      <c r="AR40" s="865"/>
      <c r="AS40" s="865"/>
      <c r="AT40" s="865"/>
      <c r="AU40" s="865"/>
      <c r="AV40" s="865"/>
      <c r="AW40" s="865"/>
      <c r="AX40" s="865"/>
      <c r="AY40" s="865"/>
      <c r="AZ40" s="869"/>
      <c r="BA40" s="869"/>
      <c r="BB40" s="869"/>
      <c r="BC40" s="869"/>
      <c r="BD40" s="869"/>
      <c r="BE40" s="866"/>
      <c r="BF40" s="866"/>
      <c r="BG40" s="866"/>
      <c r="BH40" s="866"/>
      <c r="BI40" s="867"/>
      <c r="BJ40" s="228"/>
      <c r="BK40" s="228"/>
      <c r="BL40" s="228"/>
      <c r="BM40" s="228"/>
      <c r="BN40" s="228"/>
      <c r="BO40" s="237"/>
      <c r="BP40" s="237"/>
      <c r="BQ40" s="234">
        <v>34</v>
      </c>
      <c r="BR40" s="235"/>
      <c r="BS40" s="809"/>
      <c r="BT40" s="810"/>
      <c r="BU40" s="810"/>
      <c r="BV40" s="810"/>
      <c r="BW40" s="810"/>
      <c r="BX40" s="810"/>
      <c r="BY40" s="810"/>
      <c r="BZ40" s="810"/>
      <c r="CA40" s="810"/>
      <c r="CB40" s="810"/>
      <c r="CC40" s="810"/>
      <c r="CD40" s="810"/>
      <c r="CE40" s="810"/>
      <c r="CF40" s="810"/>
      <c r="CG40" s="811"/>
      <c r="CH40" s="812"/>
      <c r="CI40" s="813"/>
      <c r="CJ40" s="813"/>
      <c r="CK40" s="813"/>
      <c r="CL40" s="814"/>
      <c r="CM40" s="812"/>
      <c r="CN40" s="813"/>
      <c r="CO40" s="813"/>
      <c r="CP40" s="813"/>
      <c r="CQ40" s="814"/>
      <c r="CR40" s="812"/>
      <c r="CS40" s="813"/>
      <c r="CT40" s="813"/>
      <c r="CU40" s="813"/>
      <c r="CV40" s="814"/>
      <c r="CW40" s="812"/>
      <c r="CX40" s="813"/>
      <c r="CY40" s="813"/>
      <c r="CZ40" s="813"/>
      <c r="DA40" s="814"/>
      <c r="DB40" s="812"/>
      <c r="DC40" s="813"/>
      <c r="DD40" s="813"/>
      <c r="DE40" s="813"/>
      <c r="DF40" s="814"/>
      <c r="DG40" s="812"/>
      <c r="DH40" s="813"/>
      <c r="DI40" s="813"/>
      <c r="DJ40" s="813"/>
      <c r="DK40" s="814"/>
      <c r="DL40" s="812"/>
      <c r="DM40" s="813"/>
      <c r="DN40" s="813"/>
      <c r="DO40" s="813"/>
      <c r="DP40" s="814"/>
      <c r="DQ40" s="812"/>
      <c r="DR40" s="813"/>
      <c r="DS40" s="813"/>
      <c r="DT40" s="813"/>
      <c r="DU40" s="814"/>
      <c r="DV40" s="809"/>
      <c r="DW40" s="810"/>
      <c r="DX40" s="810"/>
      <c r="DY40" s="810"/>
      <c r="DZ40" s="815"/>
      <c r="EA40" s="226"/>
    </row>
    <row r="41" spans="1:131" ht="26.25" customHeight="1" x14ac:dyDescent="0.2">
      <c r="A41" s="234">
        <v>14</v>
      </c>
      <c r="B41" s="816"/>
      <c r="C41" s="817"/>
      <c r="D41" s="817"/>
      <c r="E41" s="817"/>
      <c r="F41" s="817"/>
      <c r="G41" s="817"/>
      <c r="H41" s="817"/>
      <c r="I41" s="817"/>
      <c r="J41" s="817"/>
      <c r="K41" s="817"/>
      <c r="L41" s="817"/>
      <c r="M41" s="817"/>
      <c r="N41" s="817"/>
      <c r="O41" s="817"/>
      <c r="P41" s="818"/>
      <c r="Q41" s="819"/>
      <c r="R41" s="820"/>
      <c r="S41" s="820"/>
      <c r="T41" s="820"/>
      <c r="U41" s="820"/>
      <c r="V41" s="820"/>
      <c r="W41" s="820"/>
      <c r="X41" s="820"/>
      <c r="Y41" s="820"/>
      <c r="Z41" s="820"/>
      <c r="AA41" s="820"/>
      <c r="AB41" s="820"/>
      <c r="AC41" s="820"/>
      <c r="AD41" s="820"/>
      <c r="AE41" s="821"/>
      <c r="AF41" s="822"/>
      <c r="AG41" s="823"/>
      <c r="AH41" s="823"/>
      <c r="AI41" s="823"/>
      <c r="AJ41" s="824"/>
      <c r="AK41" s="868"/>
      <c r="AL41" s="865"/>
      <c r="AM41" s="865"/>
      <c r="AN41" s="865"/>
      <c r="AO41" s="865"/>
      <c r="AP41" s="865"/>
      <c r="AQ41" s="865"/>
      <c r="AR41" s="865"/>
      <c r="AS41" s="865"/>
      <c r="AT41" s="865"/>
      <c r="AU41" s="865"/>
      <c r="AV41" s="865"/>
      <c r="AW41" s="865"/>
      <c r="AX41" s="865"/>
      <c r="AY41" s="865"/>
      <c r="AZ41" s="869"/>
      <c r="BA41" s="869"/>
      <c r="BB41" s="869"/>
      <c r="BC41" s="869"/>
      <c r="BD41" s="869"/>
      <c r="BE41" s="866"/>
      <c r="BF41" s="866"/>
      <c r="BG41" s="866"/>
      <c r="BH41" s="866"/>
      <c r="BI41" s="867"/>
      <c r="BJ41" s="228"/>
      <c r="BK41" s="228"/>
      <c r="BL41" s="228"/>
      <c r="BM41" s="228"/>
      <c r="BN41" s="228"/>
      <c r="BO41" s="237"/>
      <c r="BP41" s="237"/>
      <c r="BQ41" s="234">
        <v>35</v>
      </c>
      <c r="BR41" s="235"/>
      <c r="BS41" s="809"/>
      <c r="BT41" s="810"/>
      <c r="BU41" s="810"/>
      <c r="BV41" s="810"/>
      <c r="BW41" s="810"/>
      <c r="BX41" s="810"/>
      <c r="BY41" s="810"/>
      <c r="BZ41" s="810"/>
      <c r="CA41" s="810"/>
      <c r="CB41" s="810"/>
      <c r="CC41" s="810"/>
      <c r="CD41" s="810"/>
      <c r="CE41" s="810"/>
      <c r="CF41" s="810"/>
      <c r="CG41" s="811"/>
      <c r="CH41" s="812"/>
      <c r="CI41" s="813"/>
      <c r="CJ41" s="813"/>
      <c r="CK41" s="813"/>
      <c r="CL41" s="814"/>
      <c r="CM41" s="812"/>
      <c r="CN41" s="813"/>
      <c r="CO41" s="813"/>
      <c r="CP41" s="813"/>
      <c r="CQ41" s="814"/>
      <c r="CR41" s="812"/>
      <c r="CS41" s="813"/>
      <c r="CT41" s="813"/>
      <c r="CU41" s="813"/>
      <c r="CV41" s="814"/>
      <c r="CW41" s="812"/>
      <c r="CX41" s="813"/>
      <c r="CY41" s="813"/>
      <c r="CZ41" s="813"/>
      <c r="DA41" s="814"/>
      <c r="DB41" s="812"/>
      <c r="DC41" s="813"/>
      <c r="DD41" s="813"/>
      <c r="DE41" s="813"/>
      <c r="DF41" s="814"/>
      <c r="DG41" s="812"/>
      <c r="DH41" s="813"/>
      <c r="DI41" s="813"/>
      <c r="DJ41" s="813"/>
      <c r="DK41" s="814"/>
      <c r="DL41" s="812"/>
      <c r="DM41" s="813"/>
      <c r="DN41" s="813"/>
      <c r="DO41" s="813"/>
      <c r="DP41" s="814"/>
      <c r="DQ41" s="812"/>
      <c r="DR41" s="813"/>
      <c r="DS41" s="813"/>
      <c r="DT41" s="813"/>
      <c r="DU41" s="814"/>
      <c r="DV41" s="809"/>
      <c r="DW41" s="810"/>
      <c r="DX41" s="810"/>
      <c r="DY41" s="810"/>
      <c r="DZ41" s="815"/>
      <c r="EA41" s="226"/>
    </row>
    <row r="42" spans="1:131" ht="26.25" customHeight="1" x14ac:dyDescent="0.2">
      <c r="A42" s="234">
        <v>15</v>
      </c>
      <c r="B42" s="816"/>
      <c r="C42" s="817"/>
      <c r="D42" s="817"/>
      <c r="E42" s="817"/>
      <c r="F42" s="817"/>
      <c r="G42" s="817"/>
      <c r="H42" s="817"/>
      <c r="I42" s="817"/>
      <c r="J42" s="817"/>
      <c r="K42" s="817"/>
      <c r="L42" s="817"/>
      <c r="M42" s="817"/>
      <c r="N42" s="817"/>
      <c r="O42" s="817"/>
      <c r="P42" s="818"/>
      <c r="Q42" s="819"/>
      <c r="R42" s="820"/>
      <c r="S42" s="820"/>
      <c r="T42" s="820"/>
      <c r="U42" s="820"/>
      <c r="V42" s="820"/>
      <c r="W42" s="820"/>
      <c r="X42" s="820"/>
      <c r="Y42" s="820"/>
      <c r="Z42" s="820"/>
      <c r="AA42" s="820"/>
      <c r="AB42" s="820"/>
      <c r="AC42" s="820"/>
      <c r="AD42" s="820"/>
      <c r="AE42" s="821"/>
      <c r="AF42" s="822"/>
      <c r="AG42" s="823"/>
      <c r="AH42" s="823"/>
      <c r="AI42" s="823"/>
      <c r="AJ42" s="824"/>
      <c r="AK42" s="868"/>
      <c r="AL42" s="865"/>
      <c r="AM42" s="865"/>
      <c r="AN42" s="865"/>
      <c r="AO42" s="865"/>
      <c r="AP42" s="865"/>
      <c r="AQ42" s="865"/>
      <c r="AR42" s="865"/>
      <c r="AS42" s="865"/>
      <c r="AT42" s="865"/>
      <c r="AU42" s="865"/>
      <c r="AV42" s="865"/>
      <c r="AW42" s="865"/>
      <c r="AX42" s="865"/>
      <c r="AY42" s="865"/>
      <c r="AZ42" s="869"/>
      <c r="BA42" s="869"/>
      <c r="BB42" s="869"/>
      <c r="BC42" s="869"/>
      <c r="BD42" s="869"/>
      <c r="BE42" s="866"/>
      <c r="BF42" s="866"/>
      <c r="BG42" s="866"/>
      <c r="BH42" s="866"/>
      <c r="BI42" s="867"/>
      <c r="BJ42" s="228"/>
      <c r="BK42" s="228"/>
      <c r="BL42" s="228"/>
      <c r="BM42" s="228"/>
      <c r="BN42" s="228"/>
      <c r="BO42" s="237"/>
      <c r="BP42" s="237"/>
      <c r="BQ42" s="234">
        <v>36</v>
      </c>
      <c r="BR42" s="235"/>
      <c r="BS42" s="809"/>
      <c r="BT42" s="810"/>
      <c r="BU42" s="810"/>
      <c r="BV42" s="810"/>
      <c r="BW42" s="810"/>
      <c r="BX42" s="810"/>
      <c r="BY42" s="810"/>
      <c r="BZ42" s="810"/>
      <c r="CA42" s="810"/>
      <c r="CB42" s="810"/>
      <c r="CC42" s="810"/>
      <c r="CD42" s="810"/>
      <c r="CE42" s="810"/>
      <c r="CF42" s="810"/>
      <c r="CG42" s="811"/>
      <c r="CH42" s="812"/>
      <c r="CI42" s="813"/>
      <c r="CJ42" s="813"/>
      <c r="CK42" s="813"/>
      <c r="CL42" s="814"/>
      <c r="CM42" s="812"/>
      <c r="CN42" s="813"/>
      <c r="CO42" s="813"/>
      <c r="CP42" s="813"/>
      <c r="CQ42" s="814"/>
      <c r="CR42" s="812"/>
      <c r="CS42" s="813"/>
      <c r="CT42" s="813"/>
      <c r="CU42" s="813"/>
      <c r="CV42" s="814"/>
      <c r="CW42" s="812"/>
      <c r="CX42" s="813"/>
      <c r="CY42" s="813"/>
      <c r="CZ42" s="813"/>
      <c r="DA42" s="814"/>
      <c r="DB42" s="812"/>
      <c r="DC42" s="813"/>
      <c r="DD42" s="813"/>
      <c r="DE42" s="813"/>
      <c r="DF42" s="814"/>
      <c r="DG42" s="812"/>
      <c r="DH42" s="813"/>
      <c r="DI42" s="813"/>
      <c r="DJ42" s="813"/>
      <c r="DK42" s="814"/>
      <c r="DL42" s="812"/>
      <c r="DM42" s="813"/>
      <c r="DN42" s="813"/>
      <c r="DO42" s="813"/>
      <c r="DP42" s="814"/>
      <c r="DQ42" s="812"/>
      <c r="DR42" s="813"/>
      <c r="DS42" s="813"/>
      <c r="DT42" s="813"/>
      <c r="DU42" s="814"/>
      <c r="DV42" s="809"/>
      <c r="DW42" s="810"/>
      <c r="DX42" s="810"/>
      <c r="DY42" s="810"/>
      <c r="DZ42" s="815"/>
      <c r="EA42" s="226"/>
    </row>
    <row r="43" spans="1:131" ht="26.25" customHeight="1" x14ac:dyDescent="0.2">
      <c r="A43" s="234">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68"/>
      <c r="AL43" s="865"/>
      <c r="AM43" s="865"/>
      <c r="AN43" s="865"/>
      <c r="AO43" s="865"/>
      <c r="AP43" s="865"/>
      <c r="AQ43" s="865"/>
      <c r="AR43" s="865"/>
      <c r="AS43" s="865"/>
      <c r="AT43" s="865"/>
      <c r="AU43" s="865"/>
      <c r="AV43" s="865"/>
      <c r="AW43" s="865"/>
      <c r="AX43" s="865"/>
      <c r="AY43" s="865"/>
      <c r="AZ43" s="869"/>
      <c r="BA43" s="869"/>
      <c r="BB43" s="869"/>
      <c r="BC43" s="869"/>
      <c r="BD43" s="869"/>
      <c r="BE43" s="866"/>
      <c r="BF43" s="866"/>
      <c r="BG43" s="866"/>
      <c r="BH43" s="866"/>
      <c r="BI43" s="867"/>
      <c r="BJ43" s="228"/>
      <c r="BK43" s="228"/>
      <c r="BL43" s="228"/>
      <c r="BM43" s="228"/>
      <c r="BN43" s="228"/>
      <c r="BO43" s="237"/>
      <c r="BP43" s="237"/>
      <c r="BQ43" s="234">
        <v>37</v>
      </c>
      <c r="BR43" s="235"/>
      <c r="BS43" s="809"/>
      <c r="BT43" s="810"/>
      <c r="BU43" s="810"/>
      <c r="BV43" s="810"/>
      <c r="BW43" s="810"/>
      <c r="BX43" s="810"/>
      <c r="BY43" s="810"/>
      <c r="BZ43" s="810"/>
      <c r="CA43" s="810"/>
      <c r="CB43" s="810"/>
      <c r="CC43" s="810"/>
      <c r="CD43" s="810"/>
      <c r="CE43" s="810"/>
      <c r="CF43" s="810"/>
      <c r="CG43" s="811"/>
      <c r="CH43" s="812"/>
      <c r="CI43" s="813"/>
      <c r="CJ43" s="813"/>
      <c r="CK43" s="813"/>
      <c r="CL43" s="814"/>
      <c r="CM43" s="812"/>
      <c r="CN43" s="813"/>
      <c r="CO43" s="813"/>
      <c r="CP43" s="813"/>
      <c r="CQ43" s="814"/>
      <c r="CR43" s="812"/>
      <c r="CS43" s="813"/>
      <c r="CT43" s="813"/>
      <c r="CU43" s="813"/>
      <c r="CV43" s="814"/>
      <c r="CW43" s="812"/>
      <c r="CX43" s="813"/>
      <c r="CY43" s="813"/>
      <c r="CZ43" s="813"/>
      <c r="DA43" s="814"/>
      <c r="DB43" s="812"/>
      <c r="DC43" s="813"/>
      <c r="DD43" s="813"/>
      <c r="DE43" s="813"/>
      <c r="DF43" s="814"/>
      <c r="DG43" s="812"/>
      <c r="DH43" s="813"/>
      <c r="DI43" s="813"/>
      <c r="DJ43" s="813"/>
      <c r="DK43" s="814"/>
      <c r="DL43" s="812"/>
      <c r="DM43" s="813"/>
      <c r="DN43" s="813"/>
      <c r="DO43" s="813"/>
      <c r="DP43" s="814"/>
      <c r="DQ43" s="812"/>
      <c r="DR43" s="813"/>
      <c r="DS43" s="813"/>
      <c r="DT43" s="813"/>
      <c r="DU43" s="814"/>
      <c r="DV43" s="809"/>
      <c r="DW43" s="810"/>
      <c r="DX43" s="810"/>
      <c r="DY43" s="810"/>
      <c r="DZ43" s="815"/>
      <c r="EA43" s="226"/>
    </row>
    <row r="44" spans="1:131" ht="26.25" customHeight="1" x14ac:dyDescent="0.2">
      <c r="A44" s="234">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68"/>
      <c r="AL44" s="865"/>
      <c r="AM44" s="865"/>
      <c r="AN44" s="865"/>
      <c r="AO44" s="865"/>
      <c r="AP44" s="865"/>
      <c r="AQ44" s="865"/>
      <c r="AR44" s="865"/>
      <c r="AS44" s="865"/>
      <c r="AT44" s="865"/>
      <c r="AU44" s="865"/>
      <c r="AV44" s="865"/>
      <c r="AW44" s="865"/>
      <c r="AX44" s="865"/>
      <c r="AY44" s="865"/>
      <c r="AZ44" s="869"/>
      <c r="BA44" s="869"/>
      <c r="BB44" s="869"/>
      <c r="BC44" s="869"/>
      <c r="BD44" s="869"/>
      <c r="BE44" s="866"/>
      <c r="BF44" s="866"/>
      <c r="BG44" s="866"/>
      <c r="BH44" s="866"/>
      <c r="BI44" s="867"/>
      <c r="BJ44" s="228"/>
      <c r="BK44" s="228"/>
      <c r="BL44" s="228"/>
      <c r="BM44" s="228"/>
      <c r="BN44" s="228"/>
      <c r="BO44" s="237"/>
      <c r="BP44" s="237"/>
      <c r="BQ44" s="234">
        <v>38</v>
      </c>
      <c r="BR44" s="235"/>
      <c r="BS44" s="809"/>
      <c r="BT44" s="810"/>
      <c r="BU44" s="810"/>
      <c r="BV44" s="810"/>
      <c r="BW44" s="810"/>
      <c r="BX44" s="810"/>
      <c r="BY44" s="810"/>
      <c r="BZ44" s="810"/>
      <c r="CA44" s="810"/>
      <c r="CB44" s="810"/>
      <c r="CC44" s="810"/>
      <c r="CD44" s="810"/>
      <c r="CE44" s="810"/>
      <c r="CF44" s="810"/>
      <c r="CG44" s="811"/>
      <c r="CH44" s="812"/>
      <c r="CI44" s="813"/>
      <c r="CJ44" s="813"/>
      <c r="CK44" s="813"/>
      <c r="CL44" s="814"/>
      <c r="CM44" s="812"/>
      <c r="CN44" s="813"/>
      <c r="CO44" s="813"/>
      <c r="CP44" s="813"/>
      <c r="CQ44" s="814"/>
      <c r="CR44" s="812"/>
      <c r="CS44" s="813"/>
      <c r="CT44" s="813"/>
      <c r="CU44" s="813"/>
      <c r="CV44" s="814"/>
      <c r="CW44" s="812"/>
      <c r="CX44" s="813"/>
      <c r="CY44" s="813"/>
      <c r="CZ44" s="813"/>
      <c r="DA44" s="814"/>
      <c r="DB44" s="812"/>
      <c r="DC44" s="813"/>
      <c r="DD44" s="813"/>
      <c r="DE44" s="813"/>
      <c r="DF44" s="814"/>
      <c r="DG44" s="812"/>
      <c r="DH44" s="813"/>
      <c r="DI44" s="813"/>
      <c r="DJ44" s="813"/>
      <c r="DK44" s="814"/>
      <c r="DL44" s="812"/>
      <c r="DM44" s="813"/>
      <c r="DN44" s="813"/>
      <c r="DO44" s="813"/>
      <c r="DP44" s="814"/>
      <c r="DQ44" s="812"/>
      <c r="DR44" s="813"/>
      <c r="DS44" s="813"/>
      <c r="DT44" s="813"/>
      <c r="DU44" s="814"/>
      <c r="DV44" s="809"/>
      <c r="DW44" s="810"/>
      <c r="DX44" s="810"/>
      <c r="DY44" s="810"/>
      <c r="DZ44" s="815"/>
      <c r="EA44" s="226"/>
    </row>
    <row r="45" spans="1:131" ht="26.25" customHeight="1" x14ac:dyDescent="0.2">
      <c r="A45" s="234">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68"/>
      <c r="AL45" s="865"/>
      <c r="AM45" s="865"/>
      <c r="AN45" s="865"/>
      <c r="AO45" s="865"/>
      <c r="AP45" s="865"/>
      <c r="AQ45" s="865"/>
      <c r="AR45" s="865"/>
      <c r="AS45" s="865"/>
      <c r="AT45" s="865"/>
      <c r="AU45" s="865"/>
      <c r="AV45" s="865"/>
      <c r="AW45" s="865"/>
      <c r="AX45" s="865"/>
      <c r="AY45" s="865"/>
      <c r="AZ45" s="869"/>
      <c r="BA45" s="869"/>
      <c r="BB45" s="869"/>
      <c r="BC45" s="869"/>
      <c r="BD45" s="869"/>
      <c r="BE45" s="866"/>
      <c r="BF45" s="866"/>
      <c r="BG45" s="866"/>
      <c r="BH45" s="866"/>
      <c r="BI45" s="867"/>
      <c r="BJ45" s="228"/>
      <c r="BK45" s="228"/>
      <c r="BL45" s="228"/>
      <c r="BM45" s="228"/>
      <c r="BN45" s="228"/>
      <c r="BO45" s="237"/>
      <c r="BP45" s="237"/>
      <c r="BQ45" s="234">
        <v>39</v>
      </c>
      <c r="BR45" s="235"/>
      <c r="BS45" s="809"/>
      <c r="BT45" s="810"/>
      <c r="BU45" s="810"/>
      <c r="BV45" s="810"/>
      <c r="BW45" s="810"/>
      <c r="BX45" s="810"/>
      <c r="BY45" s="810"/>
      <c r="BZ45" s="810"/>
      <c r="CA45" s="810"/>
      <c r="CB45" s="810"/>
      <c r="CC45" s="810"/>
      <c r="CD45" s="810"/>
      <c r="CE45" s="810"/>
      <c r="CF45" s="810"/>
      <c r="CG45" s="811"/>
      <c r="CH45" s="812"/>
      <c r="CI45" s="813"/>
      <c r="CJ45" s="813"/>
      <c r="CK45" s="813"/>
      <c r="CL45" s="814"/>
      <c r="CM45" s="812"/>
      <c r="CN45" s="813"/>
      <c r="CO45" s="813"/>
      <c r="CP45" s="813"/>
      <c r="CQ45" s="814"/>
      <c r="CR45" s="812"/>
      <c r="CS45" s="813"/>
      <c r="CT45" s="813"/>
      <c r="CU45" s="813"/>
      <c r="CV45" s="814"/>
      <c r="CW45" s="812"/>
      <c r="CX45" s="813"/>
      <c r="CY45" s="813"/>
      <c r="CZ45" s="813"/>
      <c r="DA45" s="814"/>
      <c r="DB45" s="812"/>
      <c r="DC45" s="813"/>
      <c r="DD45" s="813"/>
      <c r="DE45" s="813"/>
      <c r="DF45" s="814"/>
      <c r="DG45" s="812"/>
      <c r="DH45" s="813"/>
      <c r="DI45" s="813"/>
      <c r="DJ45" s="813"/>
      <c r="DK45" s="814"/>
      <c r="DL45" s="812"/>
      <c r="DM45" s="813"/>
      <c r="DN45" s="813"/>
      <c r="DO45" s="813"/>
      <c r="DP45" s="814"/>
      <c r="DQ45" s="812"/>
      <c r="DR45" s="813"/>
      <c r="DS45" s="813"/>
      <c r="DT45" s="813"/>
      <c r="DU45" s="814"/>
      <c r="DV45" s="809"/>
      <c r="DW45" s="810"/>
      <c r="DX45" s="810"/>
      <c r="DY45" s="810"/>
      <c r="DZ45" s="815"/>
      <c r="EA45" s="226"/>
    </row>
    <row r="46" spans="1:131" ht="26.25" customHeight="1" x14ac:dyDescent="0.2">
      <c r="A46" s="234">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68"/>
      <c r="AL46" s="865"/>
      <c r="AM46" s="865"/>
      <c r="AN46" s="865"/>
      <c r="AO46" s="865"/>
      <c r="AP46" s="865"/>
      <c r="AQ46" s="865"/>
      <c r="AR46" s="865"/>
      <c r="AS46" s="865"/>
      <c r="AT46" s="865"/>
      <c r="AU46" s="865"/>
      <c r="AV46" s="865"/>
      <c r="AW46" s="865"/>
      <c r="AX46" s="865"/>
      <c r="AY46" s="865"/>
      <c r="AZ46" s="869"/>
      <c r="BA46" s="869"/>
      <c r="BB46" s="869"/>
      <c r="BC46" s="869"/>
      <c r="BD46" s="869"/>
      <c r="BE46" s="866"/>
      <c r="BF46" s="866"/>
      <c r="BG46" s="866"/>
      <c r="BH46" s="866"/>
      <c r="BI46" s="867"/>
      <c r="BJ46" s="228"/>
      <c r="BK46" s="228"/>
      <c r="BL46" s="228"/>
      <c r="BM46" s="228"/>
      <c r="BN46" s="228"/>
      <c r="BO46" s="237"/>
      <c r="BP46" s="237"/>
      <c r="BQ46" s="234">
        <v>40</v>
      </c>
      <c r="BR46" s="235"/>
      <c r="BS46" s="809"/>
      <c r="BT46" s="810"/>
      <c r="BU46" s="810"/>
      <c r="BV46" s="810"/>
      <c r="BW46" s="810"/>
      <c r="BX46" s="810"/>
      <c r="BY46" s="810"/>
      <c r="BZ46" s="810"/>
      <c r="CA46" s="810"/>
      <c r="CB46" s="810"/>
      <c r="CC46" s="810"/>
      <c r="CD46" s="810"/>
      <c r="CE46" s="810"/>
      <c r="CF46" s="810"/>
      <c r="CG46" s="811"/>
      <c r="CH46" s="812"/>
      <c r="CI46" s="813"/>
      <c r="CJ46" s="813"/>
      <c r="CK46" s="813"/>
      <c r="CL46" s="814"/>
      <c r="CM46" s="812"/>
      <c r="CN46" s="813"/>
      <c r="CO46" s="813"/>
      <c r="CP46" s="813"/>
      <c r="CQ46" s="814"/>
      <c r="CR46" s="812"/>
      <c r="CS46" s="813"/>
      <c r="CT46" s="813"/>
      <c r="CU46" s="813"/>
      <c r="CV46" s="814"/>
      <c r="CW46" s="812"/>
      <c r="CX46" s="813"/>
      <c r="CY46" s="813"/>
      <c r="CZ46" s="813"/>
      <c r="DA46" s="814"/>
      <c r="DB46" s="812"/>
      <c r="DC46" s="813"/>
      <c r="DD46" s="813"/>
      <c r="DE46" s="813"/>
      <c r="DF46" s="814"/>
      <c r="DG46" s="812"/>
      <c r="DH46" s="813"/>
      <c r="DI46" s="813"/>
      <c r="DJ46" s="813"/>
      <c r="DK46" s="814"/>
      <c r="DL46" s="812"/>
      <c r="DM46" s="813"/>
      <c r="DN46" s="813"/>
      <c r="DO46" s="813"/>
      <c r="DP46" s="814"/>
      <c r="DQ46" s="812"/>
      <c r="DR46" s="813"/>
      <c r="DS46" s="813"/>
      <c r="DT46" s="813"/>
      <c r="DU46" s="814"/>
      <c r="DV46" s="809"/>
      <c r="DW46" s="810"/>
      <c r="DX46" s="810"/>
      <c r="DY46" s="810"/>
      <c r="DZ46" s="815"/>
      <c r="EA46" s="226"/>
    </row>
    <row r="47" spans="1:131" ht="26.25" customHeight="1" x14ac:dyDescent="0.2">
      <c r="A47" s="234">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68"/>
      <c r="AL47" s="865"/>
      <c r="AM47" s="865"/>
      <c r="AN47" s="865"/>
      <c r="AO47" s="865"/>
      <c r="AP47" s="865"/>
      <c r="AQ47" s="865"/>
      <c r="AR47" s="865"/>
      <c r="AS47" s="865"/>
      <c r="AT47" s="865"/>
      <c r="AU47" s="865"/>
      <c r="AV47" s="865"/>
      <c r="AW47" s="865"/>
      <c r="AX47" s="865"/>
      <c r="AY47" s="865"/>
      <c r="AZ47" s="869"/>
      <c r="BA47" s="869"/>
      <c r="BB47" s="869"/>
      <c r="BC47" s="869"/>
      <c r="BD47" s="869"/>
      <c r="BE47" s="866"/>
      <c r="BF47" s="866"/>
      <c r="BG47" s="866"/>
      <c r="BH47" s="866"/>
      <c r="BI47" s="867"/>
      <c r="BJ47" s="228"/>
      <c r="BK47" s="228"/>
      <c r="BL47" s="228"/>
      <c r="BM47" s="228"/>
      <c r="BN47" s="228"/>
      <c r="BO47" s="237"/>
      <c r="BP47" s="237"/>
      <c r="BQ47" s="234">
        <v>41</v>
      </c>
      <c r="BR47" s="235"/>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26"/>
    </row>
    <row r="48" spans="1:131" ht="26.25" customHeight="1" x14ac:dyDescent="0.2">
      <c r="A48" s="234">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68"/>
      <c r="AL48" s="865"/>
      <c r="AM48" s="865"/>
      <c r="AN48" s="865"/>
      <c r="AO48" s="865"/>
      <c r="AP48" s="865"/>
      <c r="AQ48" s="865"/>
      <c r="AR48" s="865"/>
      <c r="AS48" s="865"/>
      <c r="AT48" s="865"/>
      <c r="AU48" s="865"/>
      <c r="AV48" s="865"/>
      <c r="AW48" s="865"/>
      <c r="AX48" s="865"/>
      <c r="AY48" s="865"/>
      <c r="AZ48" s="869"/>
      <c r="BA48" s="869"/>
      <c r="BB48" s="869"/>
      <c r="BC48" s="869"/>
      <c r="BD48" s="869"/>
      <c r="BE48" s="866"/>
      <c r="BF48" s="866"/>
      <c r="BG48" s="866"/>
      <c r="BH48" s="866"/>
      <c r="BI48" s="867"/>
      <c r="BJ48" s="228"/>
      <c r="BK48" s="228"/>
      <c r="BL48" s="228"/>
      <c r="BM48" s="228"/>
      <c r="BN48" s="228"/>
      <c r="BO48" s="237"/>
      <c r="BP48" s="237"/>
      <c r="BQ48" s="234">
        <v>42</v>
      </c>
      <c r="BR48" s="235"/>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26"/>
    </row>
    <row r="49" spans="1:131" ht="26.25" customHeight="1" x14ac:dyDescent="0.2">
      <c r="A49" s="234">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68"/>
      <c r="AL49" s="865"/>
      <c r="AM49" s="865"/>
      <c r="AN49" s="865"/>
      <c r="AO49" s="865"/>
      <c r="AP49" s="865"/>
      <c r="AQ49" s="865"/>
      <c r="AR49" s="865"/>
      <c r="AS49" s="865"/>
      <c r="AT49" s="865"/>
      <c r="AU49" s="865"/>
      <c r="AV49" s="865"/>
      <c r="AW49" s="865"/>
      <c r="AX49" s="865"/>
      <c r="AY49" s="865"/>
      <c r="AZ49" s="869"/>
      <c r="BA49" s="869"/>
      <c r="BB49" s="869"/>
      <c r="BC49" s="869"/>
      <c r="BD49" s="869"/>
      <c r="BE49" s="866"/>
      <c r="BF49" s="866"/>
      <c r="BG49" s="866"/>
      <c r="BH49" s="866"/>
      <c r="BI49" s="867"/>
      <c r="BJ49" s="228"/>
      <c r="BK49" s="228"/>
      <c r="BL49" s="228"/>
      <c r="BM49" s="228"/>
      <c r="BN49" s="228"/>
      <c r="BO49" s="237"/>
      <c r="BP49" s="237"/>
      <c r="BQ49" s="234">
        <v>43</v>
      </c>
      <c r="BR49" s="235"/>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26"/>
    </row>
    <row r="50" spans="1:131" ht="26.25" customHeight="1" x14ac:dyDescent="0.2">
      <c r="A50" s="234">
        <v>23</v>
      </c>
      <c r="B50" s="816"/>
      <c r="C50" s="817"/>
      <c r="D50" s="817"/>
      <c r="E50" s="817"/>
      <c r="F50" s="817"/>
      <c r="G50" s="817"/>
      <c r="H50" s="817"/>
      <c r="I50" s="817"/>
      <c r="J50" s="817"/>
      <c r="K50" s="817"/>
      <c r="L50" s="817"/>
      <c r="M50" s="817"/>
      <c r="N50" s="817"/>
      <c r="O50" s="817"/>
      <c r="P50" s="818"/>
      <c r="Q50" s="870"/>
      <c r="R50" s="871"/>
      <c r="S50" s="871"/>
      <c r="T50" s="871"/>
      <c r="U50" s="871"/>
      <c r="V50" s="871"/>
      <c r="W50" s="871"/>
      <c r="X50" s="871"/>
      <c r="Y50" s="871"/>
      <c r="Z50" s="871"/>
      <c r="AA50" s="871"/>
      <c r="AB50" s="871"/>
      <c r="AC50" s="871"/>
      <c r="AD50" s="871"/>
      <c r="AE50" s="872"/>
      <c r="AF50" s="822"/>
      <c r="AG50" s="823"/>
      <c r="AH50" s="823"/>
      <c r="AI50" s="823"/>
      <c r="AJ50" s="824"/>
      <c r="AK50" s="874"/>
      <c r="AL50" s="871"/>
      <c r="AM50" s="871"/>
      <c r="AN50" s="871"/>
      <c r="AO50" s="871"/>
      <c r="AP50" s="871"/>
      <c r="AQ50" s="871"/>
      <c r="AR50" s="871"/>
      <c r="AS50" s="871"/>
      <c r="AT50" s="871"/>
      <c r="AU50" s="871"/>
      <c r="AV50" s="871"/>
      <c r="AW50" s="871"/>
      <c r="AX50" s="871"/>
      <c r="AY50" s="871"/>
      <c r="AZ50" s="873"/>
      <c r="BA50" s="873"/>
      <c r="BB50" s="873"/>
      <c r="BC50" s="873"/>
      <c r="BD50" s="873"/>
      <c r="BE50" s="866"/>
      <c r="BF50" s="866"/>
      <c r="BG50" s="866"/>
      <c r="BH50" s="866"/>
      <c r="BI50" s="867"/>
      <c r="BJ50" s="228"/>
      <c r="BK50" s="228"/>
      <c r="BL50" s="228"/>
      <c r="BM50" s="228"/>
      <c r="BN50" s="228"/>
      <c r="BO50" s="237"/>
      <c r="BP50" s="237"/>
      <c r="BQ50" s="234">
        <v>44</v>
      </c>
      <c r="BR50" s="235"/>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26"/>
    </row>
    <row r="51" spans="1:131" ht="26.25" customHeight="1" x14ac:dyDescent="0.2">
      <c r="A51" s="234">
        <v>24</v>
      </c>
      <c r="B51" s="816"/>
      <c r="C51" s="817"/>
      <c r="D51" s="817"/>
      <c r="E51" s="817"/>
      <c r="F51" s="817"/>
      <c r="G51" s="817"/>
      <c r="H51" s="817"/>
      <c r="I51" s="817"/>
      <c r="J51" s="817"/>
      <c r="K51" s="817"/>
      <c r="L51" s="817"/>
      <c r="M51" s="817"/>
      <c r="N51" s="817"/>
      <c r="O51" s="817"/>
      <c r="P51" s="818"/>
      <c r="Q51" s="870"/>
      <c r="R51" s="871"/>
      <c r="S51" s="871"/>
      <c r="T51" s="871"/>
      <c r="U51" s="871"/>
      <c r="V51" s="871"/>
      <c r="W51" s="871"/>
      <c r="X51" s="871"/>
      <c r="Y51" s="871"/>
      <c r="Z51" s="871"/>
      <c r="AA51" s="871"/>
      <c r="AB51" s="871"/>
      <c r="AC51" s="871"/>
      <c r="AD51" s="871"/>
      <c r="AE51" s="872"/>
      <c r="AF51" s="822"/>
      <c r="AG51" s="823"/>
      <c r="AH51" s="823"/>
      <c r="AI51" s="823"/>
      <c r="AJ51" s="824"/>
      <c r="AK51" s="874"/>
      <c r="AL51" s="871"/>
      <c r="AM51" s="871"/>
      <c r="AN51" s="871"/>
      <c r="AO51" s="871"/>
      <c r="AP51" s="871"/>
      <c r="AQ51" s="871"/>
      <c r="AR51" s="871"/>
      <c r="AS51" s="871"/>
      <c r="AT51" s="871"/>
      <c r="AU51" s="871"/>
      <c r="AV51" s="871"/>
      <c r="AW51" s="871"/>
      <c r="AX51" s="871"/>
      <c r="AY51" s="871"/>
      <c r="AZ51" s="873"/>
      <c r="BA51" s="873"/>
      <c r="BB51" s="873"/>
      <c r="BC51" s="873"/>
      <c r="BD51" s="873"/>
      <c r="BE51" s="866"/>
      <c r="BF51" s="866"/>
      <c r="BG51" s="866"/>
      <c r="BH51" s="866"/>
      <c r="BI51" s="867"/>
      <c r="BJ51" s="228"/>
      <c r="BK51" s="228"/>
      <c r="BL51" s="228"/>
      <c r="BM51" s="228"/>
      <c r="BN51" s="228"/>
      <c r="BO51" s="237"/>
      <c r="BP51" s="237"/>
      <c r="BQ51" s="234">
        <v>45</v>
      </c>
      <c r="BR51" s="235"/>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26"/>
    </row>
    <row r="52" spans="1:131" ht="26.25" customHeight="1" x14ac:dyDescent="0.2">
      <c r="A52" s="234">
        <v>25</v>
      </c>
      <c r="B52" s="816"/>
      <c r="C52" s="817"/>
      <c r="D52" s="817"/>
      <c r="E52" s="817"/>
      <c r="F52" s="817"/>
      <c r="G52" s="817"/>
      <c r="H52" s="817"/>
      <c r="I52" s="817"/>
      <c r="J52" s="817"/>
      <c r="K52" s="817"/>
      <c r="L52" s="817"/>
      <c r="M52" s="817"/>
      <c r="N52" s="817"/>
      <c r="O52" s="817"/>
      <c r="P52" s="818"/>
      <c r="Q52" s="870"/>
      <c r="R52" s="871"/>
      <c r="S52" s="871"/>
      <c r="T52" s="871"/>
      <c r="U52" s="871"/>
      <c r="V52" s="871"/>
      <c r="W52" s="871"/>
      <c r="X52" s="871"/>
      <c r="Y52" s="871"/>
      <c r="Z52" s="871"/>
      <c r="AA52" s="871"/>
      <c r="AB52" s="871"/>
      <c r="AC52" s="871"/>
      <c r="AD52" s="871"/>
      <c r="AE52" s="872"/>
      <c r="AF52" s="822"/>
      <c r="AG52" s="823"/>
      <c r="AH52" s="823"/>
      <c r="AI52" s="823"/>
      <c r="AJ52" s="824"/>
      <c r="AK52" s="874"/>
      <c r="AL52" s="871"/>
      <c r="AM52" s="871"/>
      <c r="AN52" s="871"/>
      <c r="AO52" s="871"/>
      <c r="AP52" s="871"/>
      <c r="AQ52" s="871"/>
      <c r="AR52" s="871"/>
      <c r="AS52" s="871"/>
      <c r="AT52" s="871"/>
      <c r="AU52" s="871"/>
      <c r="AV52" s="871"/>
      <c r="AW52" s="871"/>
      <c r="AX52" s="871"/>
      <c r="AY52" s="871"/>
      <c r="AZ52" s="873"/>
      <c r="BA52" s="873"/>
      <c r="BB52" s="873"/>
      <c r="BC52" s="873"/>
      <c r="BD52" s="873"/>
      <c r="BE52" s="866"/>
      <c r="BF52" s="866"/>
      <c r="BG52" s="866"/>
      <c r="BH52" s="866"/>
      <c r="BI52" s="867"/>
      <c r="BJ52" s="228"/>
      <c r="BK52" s="228"/>
      <c r="BL52" s="228"/>
      <c r="BM52" s="228"/>
      <c r="BN52" s="228"/>
      <c r="BO52" s="237"/>
      <c r="BP52" s="237"/>
      <c r="BQ52" s="234">
        <v>46</v>
      </c>
      <c r="BR52" s="235"/>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26"/>
    </row>
    <row r="53" spans="1:131" ht="26.25" customHeight="1" x14ac:dyDescent="0.2">
      <c r="A53" s="234">
        <v>26</v>
      </c>
      <c r="B53" s="816"/>
      <c r="C53" s="817"/>
      <c r="D53" s="817"/>
      <c r="E53" s="817"/>
      <c r="F53" s="817"/>
      <c r="G53" s="817"/>
      <c r="H53" s="817"/>
      <c r="I53" s="817"/>
      <c r="J53" s="817"/>
      <c r="K53" s="817"/>
      <c r="L53" s="817"/>
      <c r="M53" s="817"/>
      <c r="N53" s="817"/>
      <c r="O53" s="817"/>
      <c r="P53" s="818"/>
      <c r="Q53" s="870"/>
      <c r="R53" s="871"/>
      <c r="S53" s="871"/>
      <c r="T53" s="871"/>
      <c r="U53" s="871"/>
      <c r="V53" s="871"/>
      <c r="W53" s="871"/>
      <c r="X53" s="871"/>
      <c r="Y53" s="871"/>
      <c r="Z53" s="871"/>
      <c r="AA53" s="871"/>
      <c r="AB53" s="871"/>
      <c r="AC53" s="871"/>
      <c r="AD53" s="871"/>
      <c r="AE53" s="872"/>
      <c r="AF53" s="822"/>
      <c r="AG53" s="823"/>
      <c r="AH53" s="823"/>
      <c r="AI53" s="823"/>
      <c r="AJ53" s="824"/>
      <c r="AK53" s="874"/>
      <c r="AL53" s="871"/>
      <c r="AM53" s="871"/>
      <c r="AN53" s="871"/>
      <c r="AO53" s="871"/>
      <c r="AP53" s="871"/>
      <c r="AQ53" s="871"/>
      <c r="AR53" s="871"/>
      <c r="AS53" s="871"/>
      <c r="AT53" s="871"/>
      <c r="AU53" s="871"/>
      <c r="AV53" s="871"/>
      <c r="AW53" s="871"/>
      <c r="AX53" s="871"/>
      <c r="AY53" s="871"/>
      <c r="AZ53" s="873"/>
      <c r="BA53" s="873"/>
      <c r="BB53" s="873"/>
      <c r="BC53" s="873"/>
      <c r="BD53" s="873"/>
      <c r="BE53" s="866"/>
      <c r="BF53" s="866"/>
      <c r="BG53" s="866"/>
      <c r="BH53" s="866"/>
      <c r="BI53" s="867"/>
      <c r="BJ53" s="228"/>
      <c r="BK53" s="228"/>
      <c r="BL53" s="228"/>
      <c r="BM53" s="228"/>
      <c r="BN53" s="228"/>
      <c r="BO53" s="237"/>
      <c r="BP53" s="237"/>
      <c r="BQ53" s="234">
        <v>47</v>
      </c>
      <c r="BR53" s="235"/>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26"/>
    </row>
    <row r="54" spans="1:131" ht="26.25" customHeight="1" x14ac:dyDescent="0.2">
      <c r="A54" s="234">
        <v>27</v>
      </c>
      <c r="B54" s="816"/>
      <c r="C54" s="817"/>
      <c r="D54" s="817"/>
      <c r="E54" s="817"/>
      <c r="F54" s="817"/>
      <c r="G54" s="817"/>
      <c r="H54" s="817"/>
      <c r="I54" s="817"/>
      <c r="J54" s="817"/>
      <c r="K54" s="817"/>
      <c r="L54" s="817"/>
      <c r="M54" s="817"/>
      <c r="N54" s="817"/>
      <c r="O54" s="817"/>
      <c r="P54" s="818"/>
      <c r="Q54" s="870"/>
      <c r="R54" s="871"/>
      <c r="S54" s="871"/>
      <c r="T54" s="871"/>
      <c r="U54" s="871"/>
      <c r="V54" s="871"/>
      <c r="W54" s="871"/>
      <c r="X54" s="871"/>
      <c r="Y54" s="871"/>
      <c r="Z54" s="871"/>
      <c r="AA54" s="871"/>
      <c r="AB54" s="871"/>
      <c r="AC54" s="871"/>
      <c r="AD54" s="871"/>
      <c r="AE54" s="872"/>
      <c r="AF54" s="822"/>
      <c r="AG54" s="823"/>
      <c r="AH54" s="823"/>
      <c r="AI54" s="823"/>
      <c r="AJ54" s="824"/>
      <c r="AK54" s="874"/>
      <c r="AL54" s="871"/>
      <c r="AM54" s="871"/>
      <c r="AN54" s="871"/>
      <c r="AO54" s="871"/>
      <c r="AP54" s="871"/>
      <c r="AQ54" s="871"/>
      <c r="AR54" s="871"/>
      <c r="AS54" s="871"/>
      <c r="AT54" s="871"/>
      <c r="AU54" s="871"/>
      <c r="AV54" s="871"/>
      <c r="AW54" s="871"/>
      <c r="AX54" s="871"/>
      <c r="AY54" s="871"/>
      <c r="AZ54" s="873"/>
      <c r="BA54" s="873"/>
      <c r="BB54" s="873"/>
      <c r="BC54" s="873"/>
      <c r="BD54" s="873"/>
      <c r="BE54" s="866"/>
      <c r="BF54" s="866"/>
      <c r="BG54" s="866"/>
      <c r="BH54" s="866"/>
      <c r="BI54" s="867"/>
      <c r="BJ54" s="228"/>
      <c r="BK54" s="228"/>
      <c r="BL54" s="228"/>
      <c r="BM54" s="228"/>
      <c r="BN54" s="228"/>
      <c r="BO54" s="237"/>
      <c r="BP54" s="237"/>
      <c r="BQ54" s="234">
        <v>48</v>
      </c>
      <c r="BR54" s="235"/>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26"/>
    </row>
    <row r="55" spans="1:131" ht="26.25" customHeight="1" x14ac:dyDescent="0.2">
      <c r="A55" s="234">
        <v>28</v>
      </c>
      <c r="B55" s="816"/>
      <c r="C55" s="817"/>
      <c r="D55" s="817"/>
      <c r="E55" s="817"/>
      <c r="F55" s="817"/>
      <c r="G55" s="817"/>
      <c r="H55" s="817"/>
      <c r="I55" s="817"/>
      <c r="J55" s="817"/>
      <c r="K55" s="817"/>
      <c r="L55" s="817"/>
      <c r="M55" s="817"/>
      <c r="N55" s="817"/>
      <c r="O55" s="817"/>
      <c r="P55" s="818"/>
      <c r="Q55" s="870"/>
      <c r="R55" s="871"/>
      <c r="S55" s="871"/>
      <c r="T55" s="871"/>
      <c r="U55" s="871"/>
      <c r="V55" s="871"/>
      <c r="W55" s="871"/>
      <c r="X55" s="871"/>
      <c r="Y55" s="871"/>
      <c r="Z55" s="871"/>
      <c r="AA55" s="871"/>
      <c r="AB55" s="871"/>
      <c r="AC55" s="871"/>
      <c r="AD55" s="871"/>
      <c r="AE55" s="872"/>
      <c r="AF55" s="822"/>
      <c r="AG55" s="823"/>
      <c r="AH55" s="823"/>
      <c r="AI55" s="823"/>
      <c r="AJ55" s="824"/>
      <c r="AK55" s="874"/>
      <c r="AL55" s="871"/>
      <c r="AM55" s="871"/>
      <c r="AN55" s="871"/>
      <c r="AO55" s="871"/>
      <c r="AP55" s="871"/>
      <c r="AQ55" s="871"/>
      <c r="AR55" s="871"/>
      <c r="AS55" s="871"/>
      <c r="AT55" s="871"/>
      <c r="AU55" s="871"/>
      <c r="AV55" s="871"/>
      <c r="AW55" s="871"/>
      <c r="AX55" s="871"/>
      <c r="AY55" s="871"/>
      <c r="AZ55" s="873"/>
      <c r="BA55" s="873"/>
      <c r="BB55" s="873"/>
      <c r="BC55" s="873"/>
      <c r="BD55" s="873"/>
      <c r="BE55" s="866"/>
      <c r="BF55" s="866"/>
      <c r="BG55" s="866"/>
      <c r="BH55" s="866"/>
      <c r="BI55" s="867"/>
      <c r="BJ55" s="228"/>
      <c r="BK55" s="228"/>
      <c r="BL55" s="228"/>
      <c r="BM55" s="228"/>
      <c r="BN55" s="228"/>
      <c r="BO55" s="237"/>
      <c r="BP55" s="237"/>
      <c r="BQ55" s="234">
        <v>49</v>
      </c>
      <c r="BR55" s="235"/>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26"/>
    </row>
    <row r="56" spans="1:131" ht="26.25" customHeight="1" x14ac:dyDescent="0.2">
      <c r="A56" s="234">
        <v>29</v>
      </c>
      <c r="B56" s="816"/>
      <c r="C56" s="817"/>
      <c r="D56" s="817"/>
      <c r="E56" s="817"/>
      <c r="F56" s="817"/>
      <c r="G56" s="817"/>
      <c r="H56" s="817"/>
      <c r="I56" s="817"/>
      <c r="J56" s="817"/>
      <c r="K56" s="817"/>
      <c r="L56" s="817"/>
      <c r="M56" s="817"/>
      <c r="N56" s="817"/>
      <c r="O56" s="817"/>
      <c r="P56" s="818"/>
      <c r="Q56" s="870"/>
      <c r="R56" s="871"/>
      <c r="S56" s="871"/>
      <c r="T56" s="871"/>
      <c r="U56" s="871"/>
      <c r="V56" s="871"/>
      <c r="W56" s="871"/>
      <c r="X56" s="871"/>
      <c r="Y56" s="871"/>
      <c r="Z56" s="871"/>
      <c r="AA56" s="871"/>
      <c r="AB56" s="871"/>
      <c r="AC56" s="871"/>
      <c r="AD56" s="871"/>
      <c r="AE56" s="872"/>
      <c r="AF56" s="822"/>
      <c r="AG56" s="823"/>
      <c r="AH56" s="823"/>
      <c r="AI56" s="823"/>
      <c r="AJ56" s="824"/>
      <c r="AK56" s="874"/>
      <c r="AL56" s="871"/>
      <c r="AM56" s="871"/>
      <c r="AN56" s="871"/>
      <c r="AO56" s="871"/>
      <c r="AP56" s="871"/>
      <c r="AQ56" s="871"/>
      <c r="AR56" s="871"/>
      <c r="AS56" s="871"/>
      <c r="AT56" s="871"/>
      <c r="AU56" s="871"/>
      <c r="AV56" s="871"/>
      <c r="AW56" s="871"/>
      <c r="AX56" s="871"/>
      <c r="AY56" s="871"/>
      <c r="AZ56" s="873"/>
      <c r="BA56" s="873"/>
      <c r="BB56" s="873"/>
      <c r="BC56" s="873"/>
      <c r="BD56" s="873"/>
      <c r="BE56" s="866"/>
      <c r="BF56" s="866"/>
      <c r="BG56" s="866"/>
      <c r="BH56" s="866"/>
      <c r="BI56" s="867"/>
      <c r="BJ56" s="228"/>
      <c r="BK56" s="228"/>
      <c r="BL56" s="228"/>
      <c r="BM56" s="228"/>
      <c r="BN56" s="228"/>
      <c r="BO56" s="237"/>
      <c r="BP56" s="237"/>
      <c r="BQ56" s="234">
        <v>50</v>
      </c>
      <c r="BR56" s="235"/>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26"/>
    </row>
    <row r="57" spans="1:131" ht="26.25" customHeight="1" x14ac:dyDescent="0.2">
      <c r="A57" s="234">
        <v>30</v>
      </c>
      <c r="B57" s="816"/>
      <c r="C57" s="817"/>
      <c r="D57" s="817"/>
      <c r="E57" s="817"/>
      <c r="F57" s="817"/>
      <c r="G57" s="817"/>
      <c r="H57" s="817"/>
      <c r="I57" s="817"/>
      <c r="J57" s="817"/>
      <c r="K57" s="817"/>
      <c r="L57" s="817"/>
      <c r="M57" s="817"/>
      <c r="N57" s="817"/>
      <c r="O57" s="817"/>
      <c r="P57" s="818"/>
      <c r="Q57" s="870"/>
      <c r="R57" s="871"/>
      <c r="S57" s="871"/>
      <c r="T57" s="871"/>
      <c r="U57" s="871"/>
      <c r="V57" s="871"/>
      <c r="W57" s="871"/>
      <c r="X57" s="871"/>
      <c r="Y57" s="871"/>
      <c r="Z57" s="871"/>
      <c r="AA57" s="871"/>
      <c r="AB57" s="871"/>
      <c r="AC57" s="871"/>
      <c r="AD57" s="871"/>
      <c r="AE57" s="872"/>
      <c r="AF57" s="822"/>
      <c r="AG57" s="823"/>
      <c r="AH57" s="823"/>
      <c r="AI57" s="823"/>
      <c r="AJ57" s="824"/>
      <c r="AK57" s="874"/>
      <c r="AL57" s="871"/>
      <c r="AM57" s="871"/>
      <c r="AN57" s="871"/>
      <c r="AO57" s="871"/>
      <c r="AP57" s="871"/>
      <c r="AQ57" s="871"/>
      <c r="AR57" s="871"/>
      <c r="AS57" s="871"/>
      <c r="AT57" s="871"/>
      <c r="AU57" s="871"/>
      <c r="AV57" s="871"/>
      <c r="AW57" s="871"/>
      <c r="AX57" s="871"/>
      <c r="AY57" s="871"/>
      <c r="AZ57" s="873"/>
      <c r="BA57" s="873"/>
      <c r="BB57" s="873"/>
      <c r="BC57" s="873"/>
      <c r="BD57" s="873"/>
      <c r="BE57" s="866"/>
      <c r="BF57" s="866"/>
      <c r="BG57" s="866"/>
      <c r="BH57" s="866"/>
      <c r="BI57" s="867"/>
      <c r="BJ57" s="228"/>
      <c r="BK57" s="228"/>
      <c r="BL57" s="228"/>
      <c r="BM57" s="228"/>
      <c r="BN57" s="228"/>
      <c r="BO57" s="237"/>
      <c r="BP57" s="237"/>
      <c r="BQ57" s="234">
        <v>51</v>
      </c>
      <c r="BR57" s="235"/>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26"/>
    </row>
    <row r="58" spans="1:131" ht="26.25" customHeight="1" x14ac:dyDescent="0.2">
      <c r="A58" s="234">
        <v>31</v>
      </c>
      <c r="B58" s="816"/>
      <c r="C58" s="817"/>
      <c r="D58" s="817"/>
      <c r="E58" s="817"/>
      <c r="F58" s="817"/>
      <c r="G58" s="817"/>
      <c r="H58" s="817"/>
      <c r="I58" s="817"/>
      <c r="J58" s="817"/>
      <c r="K58" s="817"/>
      <c r="L58" s="817"/>
      <c r="M58" s="817"/>
      <c r="N58" s="817"/>
      <c r="O58" s="817"/>
      <c r="P58" s="818"/>
      <c r="Q58" s="870"/>
      <c r="R58" s="871"/>
      <c r="S58" s="871"/>
      <c r="T58" s="871"/>
      <c r="U58" s="871"/>
      <c r="V58" s="871"/>
      <c r="W58" s="871"/>
      <c r="X58" s="871"/>
      <c r="Y58" s="871"/>
      <c r="Z58" s="871"/>
      <c r="AA58" s="871"/>
      <c r="AB58" s="871"/>
      <c r="AC58" s="871"/>
      <c r="AD58" s="871"/>
      <c r="AE58" s="872"/>
      <c r="AF58" s="822"/>
      <c r="AG58" s="823"/>
      <c r="AH58" s="823"/>
      <c r="AI58" s="823"/>
      <c r="AJ58" s="824"/>
      <c r="AK58" s="874"/>
      <c r="AL58" s="871"/>
      <c r="AM58" s="871"/>
      <c r="AN58" s="871"/>
      <c r="AO58" s="871"/>
      <c r="AP58" s="871"/>
      <c r="AQ58" s="871"/>
      <c r="AR58" s="871"/>
      <c r="AS58" s="871"/>
      <c r="AT58" s="871"/>
      <c r="AU58" s="871"/>
      <c r="AV58" s="871"/>
      <c r="AW58" s="871"/>
      <c r="AX58" s="871"/>
      <c r="AY58" s="871"/>
      <c r="AZ58" s="873"/>
      <c r="BA58" s="873"/>
      <c r="BB58" s="873"/>
      <c r="BC58" s="873"/>
      <c r="BD58" s="873"/>
      <c r="BE58" s="866"/>
      <c r="BF58" s="866"/>
      <c r="BG58" s="866"/>
      <c r="BH58" s="866"/>
      <c r="BI58" s="867"/>
      <c r="BJ58" s="228"/>
      <c r="BK58" s="228"/>
      <c r="BL58" s="228"/>
      <c r="BM58" s="228"/>
      <c r="BN58" s="228"/>
      <c r="BO58" s="237"/>
      <c r="BP58" s="237"/>
      <c r="BQ58" s="234">
        <v>52</v>
      </c>
      <c r="BR58" s="235"/>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26"/>
    </row>
    <row r="59" spans="1:131" ht="26.25" customHeight="1" x14ac:dyDescent="0.2">
      <c r="A59" s="234">
        <v>32</v>
      </c>
      <c r="B59" s="816"/>
      <c r="C59" s="817"/>
      <c r="D59" s="817"/>
      <c r="E59" s="817"/>
      <c r="F59" s="817"/>
      <c r="G59" s="817"/>
      <c r="H59" s="817"/>
      <c r="I59" s="817"/>
      <c r="J59" s="817"/>
      <c r="K59" s="817"/>
      <c r="L59" s="817"/>
      <c r="M59" s="817"/>
      <c r="N59" s="817"/>
      <c r="O59" s="817"/>
      <c r="P59" s="818"/>
      <c r="Q59" s="870"/>
      <c r="R59" s="871"/>
      <c r="S59" s="871"/>
      <c r="T59" s="871"/>
      <c r="U59" s="871"/>
      <c r="V59" s="871"/>
      <c r="W59" s="871"/>
      <c r="X59" s="871"/>
      <c r="Y59" s="871"/>
      <c r="Z59" s="871"/>
      <c r="AA59" s="871"/>
      <c r="AB59" s="871"/>
      <c r="AC59" s="871"/>
      <c r="AD59" s="871"/>
      <c r="AE59" s="872"/>
      <c r="AF59" s="822"/>
      <c r="AG59" s="823"/>
      <c r="AH59" s="823"/>
      <c r="AI59" s="823"/>
      <c r="AJ59" s="824"/>
      <c r="AK59" s="874"/>
      <c r="AL59" s="871"/>
      <c r="AM59" s="871"/>
      <c r="AN59" s="871"/>
      <c r="AO59" s="871"/>
      <c r="AP59" s="871"/>
      <c r="AQ59" s="871"/>
      <c r="AR59" s="871"/>
      <c r="AS59" s="871"/>
      <c r="AT59" s="871"/>
      <c r="AU59" s="871"/>
      <c r="AV59" s="871"/>
      <c r="AW59" s="871"/>
      <c r="AX59" s="871"/>
      <c r="AY59" s="871"/>
      <c r="AZ59" s="873"/>
      <c r="BA59" s="873"/>
      <c r="BB59" s="873"/>
      <c r="BC59" s="873"/>
      <c r="BD59" s="873"/>
      <c r="BE59" s="866"/>
      <c r="BF59" s="866"/>
      <c r="BG59" s="866"/>
      <c r="BH59" s="866"/>
      <c r="BI59" s="867"/>
      <c r="BJ59" s="228"/>
      <c r="BK59" s="228"/>
      <c r="BL59" s="228"/>
      <c r="BM59" s="228"/>
      <c r="BN59" s="228"/>
      <c r="BO59" s="237"/>
      <c r="BP59" s="237"/>
      <c r="BQ59" s="234">
        <v>53</v>
      </c>
      <c r="BR59" s="235"/>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26"/>
    </row>
    <row r="60" spans="1:131" ht="26.25" customHeight="1" x14ac:dyDescent="0.2">
      <c r="A60" s="234">
        <v>33</v>
      </c>
      <c r="B60" s="816"/>
      <c r="C60" s="817"/>
      <c r="D60" s="817"/>
      <c r="E60" s="817"/>
      <c r="F60" s="817"/>
      <c r="G60" s="817"/>
      <c r="H60" s="817"/>
      <c r="I60" s="817"/>
      <c r="J60" s="817"/>
      <c r="K60" s="817"/>
      <c r="L60" s="817"/>
      <c r="M60" s="817"/>
      <c r="N60" s="817"/>
      <c r="O60" s="817"/>
      <c r="P60" s="818"/>
      <c r="Q60" s="870"/>
      <c r="R60" s="871"/>
      <c r="S60" s="871"/>
      <c r="T60" s="871"/>
      <c r="U60" s="871"/>
      <c r="V60" s="871"/>
      <c r="W60" s="871"/>
      <c r="X60" s="871"/>
      <c r="Y60" s="871"/>
      <c r="Z60" s="871"/>
      <c r="AA60" s="871"/>
      <c r="AB60" s="871"/>
      <c r="AC60" s="871"/>
      <c r="AD60" s="871"/>
      <c r="AE60" s="872"/>
      <c r="AF60" s="822"/>
      <c r="AG60" s="823"/>
      <c r="AH60" s="823"/>
      <c r="AI60" s="823"/>
      <c r="AJ60" s="824"/>
      <c r="AK60" s="874"/>
      <c r="AL60" s="871"/>
      <c r="AM60" s="871"/>
      <c r="AN60" s="871"/>
      <c r="AO60" s="871"/>
      <c r="AP60" s="871"/>
      <c r="AQ60" s="871"/>
      <c r="AR60" s="871"/>
      <c r="AS60" s="871"/>
      <c r="AT60" s="871"/>
      <c r="AU60" s="871"/>
      <c r="AV60" s="871"/>
      <c r="AW60" s="871"/>
      <c r="AX60" s="871"/>
      <c r="AY60" s="871"/>
      <c r="AZ60" s="873"/>
      <c r="BA60" s="873"/>
      <c r="BB60" s="873"/>
      <c r="BC60" s="873"/>
      <c r="BD60" s="873"/>
      <c r="BE60" s="866"/>
      <c r="BF60" s="866"/>
      <c r="BG60" s="866"/>
      <c r="BH60" s="866"/>
      <c r="BI60" s="867"/>
      <c r="BJ60" s="228"/>
      <c r="BK60" s="228"/>
      <c r="BL60" s="228"/>
      <c r="BM60" s="228"/>
      <c r="BN60" s="228"/>
      <c r="BO60" s="237"/>
      <c r="BP60" s="237"/>
      <c r="BQ60" s="234">
        <v>54</v>
      </c>
      <c r="BR60" s="235"/>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26"/>
    </row>
    <row r="61" spans="1:131" ht="26.25" customHeight="1" thickBot="1" x14ac:dyDescent="0.25">
      <c r="A61" s="234">
        <v>34</v>
      </c>
      <c r="B61" s="816"/>
      <c r="C61" s="817"/>
      <c r="D61" s="817"/>
      <c r="E61" s="817"/>
      <c r="F61" s="817"/>
      <c r="G61" s="817"/>
      <c r="H61" s="817"/>
      <c r="I61" s="817"/>
      <c r="J61" s="817"/>
      <c r="K61" s="817"/>
      <c r="L61" s="817"/>
      <c r="M61" s="817"/>
      <c r="N61" s="817"/>
      <c r="O61" s="817"/>
      <c r="P61" s="818"/>
      <c r="Q61" s="870"/>
      <c r="R61" s="871"/>
      <c r="S61" s="871"/>
      <c r="T61" s="871"/>
      <c r="U61" s="871"/>
      <c r="V61" s="871"/>
      <c r="W61" s="871"/>
      <c r="X61" s="871"/>
      <c r="Y61" s="871"/>
      <c r="Z61" s="871"/>
      <c r="AA61" s="871"/>
      <c r="AB61" s="871"/>
      <c r="AC61" s="871"/>
      <c r="AD61" s="871"/>
      <c r="AE61" s="872"/>
      <c r="AF61" s="822"/>
      <c r="AG61" s="823"/>
      <c r="AH61" s="823"/>
      <c r="AI61" s="823"/>
      <c r="AJ61" s="824"/>
      <c r="AK61" s="874"/>
      <c r="AL61" s="871"/>
      <c r="AM61" s="871"/>
      <c r="AN61" s="871"/>
      <c r="AO61" s="871"/>
      <c r="AP61" s="871"/>
      <c r="AQ61" s="871"/>
      <c r="AR61" s="871"/>
      <c r="AS61" s="871"/>
      <c r="AT61" s="871"/>
      <c r="AU61" s="871"/>
      <c r="AV61" s="871"/>
      <c r="AW61" s="871"/>
      <c r="AX61" s="871"/>
      <c r="AY61" s="871"/>
      <c r="AZ61" s="873"/>
      <c r="BA61" s="873"/>
      <c r="BB61" s="873"/>
      <c r="BC61" s="873"/>
      <c r="BD61" s="873"/>
      <c r="BE61" s="866"/>
      <c r="BF61" s="866"/>
      <c r="BG61" s="866"/>
      <c r="BH61" s="866"/>
      <c r="BI61" s="867"/>
      <c r="BJ61" s="228"/>
      <c r="BK61" s="228"/>
      <c r="BL61" s="228"/>
      <c r="BM61" s="228"/>
      <c r="BN61" s="228"/>
      <c r="BO61" s="237"/>
      <c r="BP61" s="237"/>
      <c r="BQ61" s="234">
        <v>55</v>
      </c>
      <c r="BR61" s="235"/>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26"/>
    </row>
    <row r="62" spans="1:131" ht="26.25" customHeight="1" x14ac:dyDescent="0.2">
      <c r="A62" s="234">
        <v>35</v>
      </c>
      <c r="B62" s="816"/>
      <c r="C62" s="817"/>
      <c r="D62" s="817"/>
      <c r="E62" s="817"/>
      <c r="F62" s="817"/>
      <c r="G62" s="817"/>
      <c r="H62" s="817"/>
      <c r="I62" s="817"/>
      <c r="J62" s="817"/>
      <c r="K62" s="817"/>
      <c r="L62" s="817"/>
      <c r="M62" s="817"/>
      <c r="N62" s="817"/>
      <c r="O62" s="817"/>
      <c r="P62" s="818"/>
      <c r="Q62" s="870"/>
      <c r="R62" s="871"/>
      <c r="S62" s="871"/>
      <c r="T62" s="871"/>
      <c r="U62" s="871"/>
      <c r="V62" s="871"/>
      <c r="W62" s="871"/>
      <c r="X62" s="871"/>
      <c r="Y62" s="871"/>
      <c r="Z62" s="871"/>
      <c r="AA62" s="871"/>
      <c r="AB62" s="871"/>
      <c r="AC62" s="871"/>
      <c r="AD62" s="871"/>
      <c r="AE62" s="872"/>
      <c r="AF62" s="822"/>
      <c r="AG62" s="823"/>
      <c r="AH62" s="823"/>
      <c r="AI62" s="823"/>
      <c r="AJ62" s="824"/>
      <c r="AK62" s="874"/>
      <c r="AL62" s="871"/>
      <c r="AM62" s="871"/>
      <c r="AN62" s="871"/>
      <c r="AO62" s="871"/>
      <c r="AP62" s="871"/>
      <c r="AQ62" s="871"/>
      <c r="AR62" s="871"/>
      <c r="AS62" s="871"/>
      <c r="AT62" s="871"/>
      <c r="AU62" s="871"/>
      <c r="AV62" s="871"/>
      <c r="AW62" s="871"/>
      <c r="AX62" s="871"/>
      <c r="AY62" s="871"/>
      <c r="AZ62" s="873"/>
      <c r="BA62" s="873"/>
      <c r="BB62" s="873"/>
      <c r="BC62" s="873"/>
      <c r="BD62" s="873"/>
      <c r="BE62" s="866"/>
      <c r="BF62" s="866"/>
      <c r="BG62" s="866"/>
      <c r="BH62" s="866"/>
      <c r="BI62" s="867"/>
      <c r="BJ62" s="882" t="s">
        <v>414</v>
      </c>
      <c r="BK62" s="842"/>
      <c r="BL62" s="842"/>
      <c r="BM62" s="842"/>
      <c r="BN62" s="843"/>
      <c r="BO62" s="237"/>
      <c r="BP62" s="237"/>
      <c r="BQ62" s="234">
        <v>56</v>
      </c>
      <c r="BR62" s="235"/>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26"/>
    </row>
    <row r="63" spans="1:131" ht="26.25" customHeight="1" thickBot="1" x14ac:dyDescent="0.25">
      <c r="A63" s="236" t="s">
        <v>396</v>
      </c>
      <c r="B63" s="825" t="s">
        <v>415</v>
      </c>
      <c r="C63" s="826"/>
      <c r="D63" s="826"/>
      <c r="E63" s="826"/>
      <c r="F63" s="826"/>
      <c r="G63" s="826"/>
      <c r="H63" s="826"/>
      <c r="I63" s="826"/>
      <c r="J63" s="826"/>
      <c r="K63" s="826"/>
      <c r="L63" s="826"/>
      <c r="M63" s="826"/>
      <c r="N63" s="826"/>
      <c r="O63" s="826"/>
      <c r="P63" s="827"/>
      <c r="Q63" s="875"/>
      <c r="R63" s="876"/>
      <c r="S63" s="876"/>
      <c r="T63" s="876"/>
      <c r="U63" s="876"/>
      <c r="V63" s="876"/>
      <c r="W63" s="876"/>
      <c r="X63" s="876"/>
      <c r="Y63" s="876"/>
      <c r="Z63" s="876"/>
      <c r="AA63" s="876"/>
      <c r="AB63" s="876"/>
      <c r="AC63" s="876"/>
      <c r="AD63" s="876"/>
      <c r="AE63" s="877"/>
      <c r="AF63" s="878">
        <v>216</v>
      </c>
      <c r="AG63" s="879"/>
      <c r="AH63" s="879"/>
      <c r="AI63" s="879"/>
      <c r="AJ63" s="880"/>
      <c r="AK63" s="881"/>
      <c r="AL63" s="876"/>
      <c r="AM63" s="876"/>
      <c r="AN63" s="876"/>
      <c r="AO63" s="876"/>
      <c r="AP63" s="879">
        <v>4777</v>
      </c>
      <c r="AQ63" s="879"/>
      <c r="AR63" s="879"/>
      <c r="AS63" s="879"/>
      <c r="AT63" s="879"/>
      <c r="AU63" s="879">
        <v>3487</v>
      </c>
      <c r="AV63" s="879"/>
      <c r="AW63" s="879"/>
      <c r="AX63" s="879"/>
      <c r="AY63" s="879"/>
      <c r="AZ63" s="883"/>
      <c r="BA63" s="883"/>
      <c r="BB63" s="883"/>
      <c r="BC63" s="883"/>
      <c r="BD63" s="883"/>
      <c r="BE63" s="884"/>
      <c r="BF63" s="884"/>
      <c r="BG63" s="884"/>
      <c r="BH63" s="884"/>
      <c r="BI63" s="885"/>
      <c r="BJ63" s="886" t="s">
        <v>416</v>
      </c>
      <c r="BK63" s="887"/>
      <c r="BL63" s="887"/>
      <c r="BM63" s="887"/>
      <c r="BN63" s="888"/>
      <c r="BO63" s="237"/>
      <c r="BP63" s="237"/>
      <c r="BQ63" s="234">
        <v>57</v>
      </c>
      <c r="BR63" s="235"/>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26"/>
    </row>
    <row r="65" spans="1:131" ht="26.25" customHeight="1" thickBot="1" x14ac:dyDescent="0.25">
      <c r="A65" s="228" t="s">
        <v>417</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26"/>
    </row>
    <row r="66" spans="1:131" ht="26.25" customHeight="1" x14ac:dyDescent="0.2">
      <c r="A66" s="763" t="s">
        <v>418</v>
      </c>
      <c r="B66" s="764"/>
      <c r="C66" s="764"/>
      <c r="D66" s="764"/>
      <c r="E66" s="764"/>
      <c r="F66" s="764"/>
      <c r="G66" s="764"/>
      <c r="H66" s="764"/>
      <c r="I66" s="764"/>
      <c r="J66" s="764"/>
      <c r="K66" s="764"/>
      <c r="L66" s="764"/>
      <c r="M66" s="764"/>
      <c r="N66" s="764"/>
      <c r="O66" s="764"/>
      <c r="P66" s="765"/>
      <c r="Q66" s="769" t="s">
        <v>419</v>
      </c>
      <c r="R66" s="770"/>
      <c r="S66" s="770"/>
      <c r="T66" s="770"/>
      <c r="U66" s="771"/>
      <c r="V66" s="769" t="s">
        <v>402</v>
      </c>
      <c r="W66" s="770"/>
      <c r="X66" s="770"/>
      <c r="Y66" s="770"/>
      <c r="Z66" s="771"/>
      <c r="AA66" s="769" t="s">
        <v>420</v>
      </c>
      <c r="AB66" s="770"/>
      <c r="AC66" s="770"/>
      <c r="AD66" s="770"/>
      <c r="AE66" s="771"/>
      <c r="AF66" s="889" t="s">
        <v>421</v>
      </c>
      <c r="AG66" s="851"/>
      <c r="AH66" s="851"/>
      <c r="AI66" s="851"/>
      <c r="AJ66" s="890"/>
      <c r="AK66" s="769" t="s">
        <v>405</v>
      </c>
      <c r="AL66" s="764"/>
      <c r="AM66" s="764"/>
      <c r="AN66" s="764"/>
      <c r="AO66" s="765"/>
      <c r="AP66" s="769" t="s">
        <v>406</v>
      </c>
      <c r="AQ66" s="770"/>
      <c r="AR66" s="770"/>
      <c r="AS66" s="770"/>
      <c r="AT66" s="771"/>
      <c r="AU66" s="769" t="s">
        <v>422</v>
      </c>
      <c r="AV66" s="770"/>
      <c r="AW66" s="770"/>
      <c r="AX66" s="770"/>
      <c r="AY66" s="771"/>
      <c r="AZ66" s="769" t="s">
        <v>384</v>
      </c>
      <c r="BA66" s="770"/>
      <c r="BB66" s="770"/>
      <c r="BC66" s="770"/>
      <c r="BD66" s="776"/>
      <c r="BE66" s="237"/>
      <c r="BF66" s="237"/>
      <c r="BG66" s="237"/>
      <c r="BH66" s="237"/>
      <c r="BI66" s="237"/>
      <c r="BJ66" s="237"/>
      <c r="BK66" s="237"/>
      <c r="BL66" s="237"/>
      <c r="BM66" s="237"/>
      <c r="BN66" s="237"/>
      <c r="BO66" s="237"/>
      <c r="BP66" s="237"/>
      <c r="BQ66" s="234">
        <v>60</v>
      </c>
      <c r="BR66" s="239"/>
      <c r="BS66" s="894"/>
      <c r="BT66" s="895"/>
      <c r="BU66" s="895"/>
      <c r="BV66" s="895"/>
      <c r="BW66" s="895"/>
      <c r="BX66" s="895"/>
      <c r="BY66" s="895"/>
      <c r="BZ66" s="895"/>
      <c r="CA66" s="895"/>
      <c r="CB66" s="895"/>
      <c r="CC66" s="895"/>
      <c r="CD66" s="895"/>
      <c r="CE66" s="895"/>
      <c r="CF66" s="895"/>
      <c r="CG66" s="900"/>
      <c r="CH66" s="897"/>
      <c r="CI66" s="898"/>
      <c r="CJ66" s="898"/>
      <c r="CK66" s="898"/>
      <c r="CL66" s="899"/>
      <c r="CM66" s="897"/>
      <c r="CN66" s="898"/>
      <c r="CO66" s="898"/>
      <c r="CP66" s="898"/>
      <c r="CQ66" s="899"/>
      <c r="CR66" s="897"/>
      <c r="CS66" s="898"/>
      <c r="CT66" s="898"/>
      <c r="CU66" s="898"/>
      <c r="CV66" s="899"/>
      <c r="CW66" s="897"/>
      <c r="CX66" s="898"/>
      <c r="CY66" s="898"/>
      <c r="CZ66" s="898"/>
      <c r="DA66" s="899"/>
      <c r="DB66" s="897"/>
      <c r="DC66" s="898"/>
      <c r="DD66" s="898"/>
      <c r="DE66" s="898"/>
      <c r="DF66" s="899"/>
      <c r="DG66" s="897"/>
      <c r="DH66" s="898"/>
      <c r="DI66" s="898"/>
      <c r="DJ66" s="898"/>
      <c r="DK66" s="899"/>
      <c r="DL66" s="897"/>
      <c r="DM66" s="898"/>
      <c r="DN66" s="898"/>
      <c r="DO66" s="898"/>
      <c r="DP66" s="899"/>
      <c r="DQ66" s="897"/>
      <c r="DR66" s="898"/>
      <c r="DS66" s="898"/>
      <c r="DT66" s="898"/>
      <c r="DU66" s="899"/>
      <c r="DV66" s="894"/>
      <c r="DW66" s="895"/>
      <c r="DX66" s="895"/>
      <c r="DY66" s="895"/>
      <c r="DZ66" s="896"/>
      <c r="EA66" s="226"/>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1"/>
      <c r="AG67" s="854"/>
      <c r="AH67" s="854"/>
      <c r="AI67" s="854"/>
      <c r="AJ67" s="892"/>
      <c r="AK67" s="893"/>
      <c r="AL67" s="767"/>
      <c r="AM67" s="767"/>
      <c r="AN67" s="767"/>
      <c r="AO67" s="768"/>
      <c r="AP67" s="772"/>
      <c r="AQ67" s="773"/>
      <c r="AR67" s="773"/>
      <c r="AS67" s="773"/>
      <c r="AT67" s="774"/>
      <c r="AU67" s="772"/>
      <c r="AV67" s="773"/>
      <c r="AW67" s="773"/>
      <c r="AX67" s="773"/>
      <c r="AY67" s="774"/>
      <c r="AZ67" s="772"/>
      <c r="BA67" s="773"/>
      <c r="BB67" s="773"/>
      <c r="BC67" s="773"/>
      <c r="BD67" s="778"/>
      <c r="BE67" s="237"/>
      <c r="BF67" s="237"/>
      <c r="BG67" s="237"/>
      <c r="BH67" s="237"/>
      <c r="BI67" s="237"/>
      <c r="BJ67" s="237"/>
      <c r="BK67" s="237"/>
      <c r="BL67" s="237"/>
      <c r="BM67" s="237"/>
      <c r="BN67" s="237"/>
      <c r="BO67" s="237"/>
      <c r="BP67" s="237"/>
      <c r="BQ67" s="234">
        <v>61</v>
      </c>
      <c r="BR67" s="239"/>
      <c r="BS67" s="894"/>
      <c r="BT67" s="895"/>
      <c r="BU67" s="895"/>
      <c r="BV67" s="895"/>
      <c r="BW67" s="895"/>
      <c r="BX67" s="895"/>
      <c r="BY67" s="895"/>
      <c r="BZ67" s="895"/>
      <c r="CA67" s="895"/>
      <c r="CB67" s="895"/>
      <c r="CC67" s="895"/>
      <c r="CD67" s="895"/>
      <c r="CE67" s="895"/>
      <c r="CF67" s="895"/>
      <c r="CG67" s="900"/>
      <c r="CH67" s="897"/>
      <c r="CI67" s="898"/>
      <c r="CJ67" s="898"/>
      <c r="CK67" s="898"/>
      <c r="CL67" s="899"/>
      <c r="CM67" s="897"/>
      <c r="CN67" s="898"/>
      <c r="CO67" s="898"/>
      <c r="CP67" s="898"/>
      <c r="CQ67" s="899"/>
      <c r="CR67" s="897"/>
      <c r="CS67" s="898"/>
      <c r="CT67" s="898"/>
      <c r="CU67" s="898"/>
      <c r="CV67" s="899"/>
      <c r="CW67" s="897"/>
      <c r="CX67" s="898"/>
      <c r="CY67" s="898"/>
      <c r="CZ67" s="898"/>
      <c r="DA67" s="899"/>
      <c r="DB67" s="897"/>
      <c r="DC67" s="898"/>
      <c r="DD67" s="898"/>
      <c r="DE67" s="898"/>
      <c r="DF67" s="899"/>
      <c r="DG67" s="897"/>
      <c r="DH67" s="898"/>
      <c r="DI67" s="898"/>
      <c r="DJ67" s="898"/>
      <c r="DK67" s="899"/>
      <c r="DL67" s="897"/>
      <c r="DM67" s="898"/>
      <c r="DN67" s="898"/>
      <c r="DO67" s="898"/>
      <c r="DP67" s="899"/>
      <c r="DQ67" s="897"/>
      <c r="DR67" s="898"/>
      <c r="DS67" s="898"/>
      <c r="DT67" s="898"/>
      <c r="DU67" s="899"/>
      <c r="DV67" s="894"/>
      <c r="DW67" s="895"/>
      <c r="DX67" s="895"/>
      <c r="DY67" s="895"/>
      <c r="DZ67" s="896"/>
      <c r="EA67" s="226"/>
    </row>
    <row r="68" spans="1:131" ht="26.25" customHeight="1" thickTop="1" x14ac:dyDescent="0.2">
      <c r="A68" s="232">
        <v>1</v>
      </c>
      <c r="B68" s="904" t="s">
        <v>589</v>
      </c>
      <c r="C68" s="905"/>
      <c r="D68" s="905"/>
      <c r="E68" s="905"/>
      <c r="F68" s="905"/>
      <c r="G68" s="905"/>
      <c r="H68" s="905"/>
      <c r="I68" s="905"/>
      <c r="J68" s="905"/>
      <c r="K68" s="905"/>
      <c r="L68" s="905"/>
      <c r="M68" s="905"/>
      <c r="N68" s="905"/>
      <c r="O68" s="905"/>
      <c r="P68" s="906"/>
      <c r="Q68" s="907">
        <v>4957</v>
      </c>
      <c r="R68" s="901"/>
      <c r="S68" s="901"/>
      <c r="T68" s="901"/>
      <c r="U68" s="901"/>
      <c r="V68" s="901">
        <v>4411</v>
      </c>
      <c r="W68" s="901"/>
      <c r="X68" s="901"/>
      <c r="Y68" s="901"/>
      <c r="Z68" s="901"/>
      <c r="AA68" s="901">
        <v>546</v>
      </c>
      <c r="AB68" s="901"/>
      <c r="AC68" s="901"/>
      <c r="AD68" s="901"/>
      <c r="AE68" s="901"/>
      <c r="AF68" s="901">
        <v>546</v>
      </c>
      <c r="AG68" s="901"/>
      <c r="AH68" s="901"/>
      <c r="AI68" s="901"/>
      <c r="AJ68" s="901"/>
      <c r="AK68" s="901">
        <v>543</v>
      </c>
      <c r="AL68" s="901"/>
      <c r="AM68" s="901"/>
      <c r="AN68" s="901"/>
      <c r="AO68" s="901"/>
      <c r="AP68" s="901" t="s">
        <v>588</v>
      </c>
      <c r="AQ68" s="901"/>
      <c r="AR68" s="901"/>
      <c r="AS68" s="901"/>
      <c r="AT68" s="901"/>
      <c r="AU68" s="901" t="s">
        <v>588</v>
      </c>
      <c r="AV68" s="901"/>
      <c r="AW68" s="901"/>
      <c r="AX68" s="901"/>
      <c r="AY68" s="901"/>
      <c r="AZ68" s="902"/>
      <c r="BA68" s="902"/>
      <c r="BB68" s="902"/>
      <c r="BC68" s="902"/>
      <c r="BD68" s="903"/>
      <c r="BE68" s="237"/>
      <c r="BF68" s="237"/>
      <c r="BG68" s="237"/>
      <c r="BH68" s="237"/>
      <c r="BI68" s="237"/>
      <c r="BJ68" s="237"/>
      <c r="BK68" s="237"/>
      <c r="BL68" s="237"/>
      <c r="BM68" s="237"/>
      <c r="BN68" s="237"/>
      <c r="BO68" s="237"/>
      <c r="BP68" s="237"/>
      <c r="BQ68" s="234">
        <v>62</v>
      </c>
      <c r="BR68" s="239"/>
      <c r="BS68" s="894"/>
      <c r="BT68" s="895"/>
      <c r="BU68" s="895"/>
      <c r="BV68" s="895"/>
      <c r="BW68" s="895"/>
      <c r="BX68" s="895"/>
      <c r="BY68" s="895"/>
      <c r="BZ68" s="895"/>
      <c r="CA68" s="895"/>
      <c r="CB68" s="895"/>
      <c r="CC68" s="895"/>
      <c r="CD68" s="895"/>
      <c r="CE68" s="895"/>
      <c r="CF68" s="895"/>
      <c r="CG68" s="900"/>
      <c r="CH68" s="897"/>
      <c r="CI68" s="898"/>
      <c r="CJ68" s="898"/>
      <c r="CK68" s="898"/>
      <c r="CL68" s="899"/>
      <c r="CM68" s="897"/>
      <c r="CN68" s="898"/>
      <c r="CO68" s="898"/>
      <c r="CP68" s="898"/>
      <c r="CQ68" s="899"/>
      <c r="CR68" s="897"/>
      <c r="CS68" s="898"/>
      <c r="CT68" s="898"/>
      <c r="CU68" s="898"/>
      <c r="CV68" s="899"/>
      <c r="CW68" s="897"/>
      <c r="CX68" s="898"/>
      <c r="CY68" s="898"/>
      <c r="CZ68" s="898"/>
      <c r="DA68" s="899"/>
      <c r="DB68" s="897"/>
      <c r="DC68" s="898"/>
      <c r="DD68" s="898"/>
      <c r="DE68" s="898"/>
      <c r="DF68" s="899"/>
      <c r="DG68" s="897"/>
      <c r="DH68" s="898"/>
      <c r="DI68" s="898"/>
      <c r="DJ68" s="898"/>
      <c r="DK68" s="899"/>
      <c r="DL68" s="897"/>
      <c r="DM68" s="898"/>
      <c r="DN68" s="898"/>
      <c r="DO68" s="898"/>
      <c r="DP68" s="899"/>
      <c r="DQ68" s="897"/>
      <c r="DR68" s="898"/>
      <c r="DS68" s="898"/>
      <c r="DT68" s="898"/>
      <c r="DU68" s="899"/>
      <c r="DV68" s="894"/>
      <c r="DW68" s="895"/>
      <c r="DX68" s="895"/>
      <c r="DY68" s="895"/>
      <c r="DZ68" s="896"/>
      <c r="EA68" s="226"/>
    </row>
    <row r="69" spans="1:131" ht="26.25" customHeight="1" x14ac:dyDescent="0.2">
      <c r="A69" s="234">
        <v>2</v>
      </c>
      <c r="B69" s="908" t="s">
        <v>590</v>
      </c>
      <c r="C69" s="909"/>
      <c r="D69" s="909"/>
      <c r="E69" s="909"/>
      <c r="F69" s="909"/>
      <c r="G69" s="909"/>
      <c r="H69" s="909"/>
      <c r="I69" s="909"/>
      <c r="J69" s="909"/>
      <c r="K69" s="909"/>
      <c r="L69" s="909"/>
      <c r="M69" s="909"/>
      <c r="N69" s="909"/>
      <c r="O69" s="909"/>
      <c r="P69" s="910"/>
      <c r="Q69" s="911">
        <v>1038597</v>
      </c>
      <c r="R69" s="865"/>
      <c r="S69" s="865"/>
      <c r="T69" s="865"/>
      <c r="U69" s="865"/>
      <c r="V69" s="865">
        <v>1027785</v>
      </c>
      <c r="W69" s="865"/>
      <c r="X69" s="865"/>
      <c r="Y69" s="865"/>
      <c r="Z69" s="865"/>
      <c r="AA69" s="865">
        <v>10811</v>
      </c>
      <c r="AB69" s="865"/>
      <c r="AC69" s="865"/>
      <c r="AD69" s="865"/>
      <c r="AE69" s="865"/>
      <c r="AF69" s="865">
        <v>10811</v>
      </c>
      <c r="AG69" s="865"/>
      <c r="AH69" s="865"/>
      <c r="AI69" s="865"/>
      <c r="AJ69" s="865"/>
      <c r="AK69" s="865">
        <v>7967</v>
      </c>
      <c r="AL69" s="865"/>
      <c r="AM69" s="865"/>
      <c r="AN69" s="865"/>
      <c r="AO69" s="865"/>
      <c r="AP69" s="865" t="s">
        <v>588</v>
      </c>
      <c r="AQ69" s="865"/>
      <c r="AR69" s="865"/>
      <c r="AS69" s="865"/>
      <c r="AT69" s="865"/>
      <c r="AU69" s="865" t="s">
        <v>588</v>
      </c>
      <c r="AV69" s="865"/>
      <c r="AW69" s="865"/>
      <c r="AX69" s="865"/>
      <c r="AY69" s="865"/>
      <c r="AZ69" s="866"/>
      <c r="BA69" s="866"/>
      <c r="BB69" s="866"/>
      <c r="BC69" s="866"/>
      <c r="BD69" s="867"/>
      <c r="BE69" s="237"/>
      <c r="BF69" s="237"/>
      <c r="BG69" s="237"/>
      <c r="BH69" s="237"/>
      <c r="BI69" s="237"/>
      <c r="BJ69" s="237"/>
      <c r="BK69" s="237"/>
      <c r="BL69" s="237"/>
      <c r="BM69" s="237"/>
      <c r="BN69" s="237"/>
      <c r="BO69" s="237"/>
      <c r="BP69" s="237"/>
      <c r="BQ69" s="234">
        <v>63</v>
      </c>
      <c r="BR69" s="239"/>
      <c r="BS69" s="894"/>
      <c r="BT69" s="895"/>
      <c r="BU69" s="895"/>
      <c r="BV69" s="895"/>
      <c r="BW69" s="895"/>
      <c r="BX69" s="895"/>
      <c r="BY69" s="895"/>
      <c r="BZ69" s="895"/>
      <c r="CA69" s="895"/>
      <c r="CB69" s="895"/>
      <c r="CC69" s="895"/>
      <c r="CD69" s="895"/>
      <c r="CE69" s="895"/>
      <c r="CF69" s="895"/>
      <c r="CG69" s="900"/>
      <c r="CH69" s="897"/>
      <c r="CI69" s="898"/>
      <c r="CJ69" s="898"/>
      <c r="CK69" s="898"/>
      <c r="CL69" s="899"/>
      <c r="CM69" s="897"/>
      <c r="CN69" s="898"/>
      <c r="CO69" s="898"/>
      <c r="CP69" s="898"/>
      <c r="CQ69" s="899"/>
      <c r="CR69" s="897"/>
      <c r="CS69" s="898"/>
      <c r="CT69" s="898"/>
      <c r="CU69" s="898"/>
      <c r="CV69" s="899"/>
      <c r="CW69" s="897"/>
      <c r="CX69" s="898"/>
      <c r="CY69" s="898"/>
      <c r="CZ69" s="898"/>
      <c r="DA69" s="899"/>
      <c r="DB69" s="897"/>
      <c r="DC69" s="898"/>
      <c r="DD69" s="898"/>
      <c r="DE69" s="898"/>
      <c r="DF69" s="899"/>
      <c r="DG69" s="897"/>
      <c r="DH69" s="898"/>
      <c r="DI69" s="898"/>
      <c r="DJ69" s="898"/>
      <c r="DK69" s="899"/>
      <c r="DL69" s="897"/>
      <c r="DM69" s="898"/>
      <c r="DN69" s="898"/>
      <c r="DO69" s="898"/>
      <c r="DP69" s="899"/>
      <c r="DQ69" s="897"/>
      <c r="DR69" s="898"/>
      <c r="DS69" s="898"/>
      <c r="DT69" s="898"/>
      <c r="DU69" s="899"/>
      <c r="DV69" s="894"/>
      <c r="DW69" s="895"/>
      <c r="DX69" s="895"/>
      <c r="DY69" s="895"/>
      <c r="DZ69" s="896"/>
      <c r="EA69" s="226"/>
    </row>
    <row r="70" spans="1:131" ht="26.25" customHeight="1" x14ac:dyDescent="0.2">
      <c r="A70" s="234">
        <v>3</v>
      </c>
      <c r="B70" s="908" t="s">
        <v>591</v>
      </c>
      <c r="C70" s="909"/>
      <c r="D70" s="909"/>
      <c r="E70" s="909"/>
      <c r="F70" s="909"/>
      <c r="G70" s="909"/>
      <c r="H70" s="909"/>
      <c r="I70" s="909"/>
      <c r="J70" s="909"/>
      <c r="K70" s="909"/>
      <c r="L70" s="909"/>
      <c r="M70" s="909"/>
      <c r="N70" s="909"/>
      <c r="O70" s="909"/>
      <c r="P70" s="910"/>
      <c r="Q70" s="911">
        <v>3303</v>
      </c>
      <c r="R70" s="865"/>
      <c r="S70" s="865"/>
      <c r="T70" s="865"/>
      <c r="U70" s="865"/>
      <c r="V70" s="865">
        <v>3104</v>
      </c>
      <c r="W70" s="865"/>
      <c r="X70" s="865"/>
      <c r="Y70" s="865"/>
      <c r="Z70" s="865"/>
      <c r="AA70" s="865">
        <v>199</v>
      </c>
      <c r="AB70" s="865"/>
      <c r="AC70" s="865"/>
      <c r="AD70" s="865"/>
      <c r="AE70" s="865"/>
      <c r="AF70" s="865">
        <v>199</v>
      </c>
      <c r="AG70" s="865"/>
      <c r="AH70" s="865"/>
      <c r="AI70" s="865"/>
      <c r="AJ70" s="865"/>
      <c r="AK70" s="865" t="s">
        <v>588</v>
      </c>
      <c r="AL70" s="865"/>
      <c r="AM70" s="865"/>
      <c r="AN70" s="865"/>
      <c r="AO70" s="865"/>
      <c r="AP70" s="865" t="s">
        <v>588</v>
      </c>
      <c r="AQ70" s="865"/>
      <c r="AR70" s="865"/>
      <c r="AS70" s="865"/>
      <c r="AT70" s="865"/>
      <c r="AU70" s="865" t="s">
        <v>588</v>
      </c>
      <c r="AV70" s="865"/>
      <c r="AW70" s="865"/>
      <c r="AX70" s="865"/>
      <c r="AY70" s="865"/>
      <c r="AZ70" s="866"/>
      <c r="BA70" s="866"/>
      <c r="BB70" s="866"/>
      <c r="BC70" s="866"/>
      <c r="BD70" s="867"/>
      <c r="BE70" s="237"/>
      <c r="BF70" s="237"/>
      <c r="BG70" s="237"/>
      <c r="BH70" s="237"/>
      <c r="BI70" s="237"/>
      <c r="BJ70" s="237"/>
      <c r="BK70" s="237"/>
      <c r="BL70" s="237"/>
      <c r="BM70" s="237"/>
      <c r="BN70" s="237"/>
      <c r="BO70" s="237"/>
      <c r="BP70" s="237"/>
      <c r="BQ70" s="234">
        <v>64</v>
      </c>
      <c r="BR70" s="239"/>
      <c r="BS70" s="894"/>
      <c r="BT70" s="895"/>
      <c r="BU70" s="895"/>
      <c r="BV70" s="895"/>
      <c r="BW70" s="895"/>
      <c r="BX70" s="895"/>
      <c r="BY70" s="895"/>
      <c r="BZ70" s="895"/>
      <c r="CA70" s="895"/>
      <c r="CB70" s="895"/>
      <c r="CC70" s="895"/>
      <c r="CD70" s="895"/>
      <c r="CE70" s="895"/>
      <c r="CF70" s="895"/>
      <c r="CG70" s="900"/>
      <c r="CH70" s="897"/>
      <c r="CI70" s="898"/>
      <c r="CJ70" s="898"/>
      <c r="CK70" s="898"/>
      <c r="CL70" s="899"/>
      <c r="CM70" s="897"/>
      <c r="CN70" s="898"/>
      <c r="CO70" s="898"/>
      <c r="CP70" s="898"/>
      <c r="CQ70" s="899"/>
      <c r="CR70" s="897"/>
      <c r="CS70" s="898"/>
      <c r="CT70" s="898"/>
      <c r="CU70" s="898"/>
      <c r="CV70" s="899"/>
      <c r="CW70" s="897"/>
      <c r="CX70" s="898"/>
      <c r="CY70" s="898"/>
      <c r="CZ70" s="898"/>
      <c r="DA70" s="899"/>
      <c r="DB70" s="897"/>
      <c r="DC70" s="898"/>
      <c r="DD70" s="898"/>
      <c r="DE70" s="898"/>
      <c r="DF70" s="899"/>
      <c r="DG70" s="897"/>
      <c r="DH70" s="898"/>
      <c r="DI70" s="898"/>
      <c r="DJ70" s="898"/>
      <c r="DK70" s="899"/>
      <c r="DL70" s="897"/>
      <c r="DM70" s="898"/>
      <c r="DN70" s="898"/>
      <c r="DO70" s="898"/>
      <c r="DP70" s="899"/>
      <c r="DQ70" s="897"/>
      <c r="DR70" s="898"/>
      <c r="DS70" s="898"/>
      <c r="DT70" s="898"/>
      <c r="DU70" s="899"/>
      <c r="DV70" s="894"/>
      <c r="DW70" s="895"/>
      <c r="DX70" s="895"/>
      <c r="DY70" s="895"/>
      <c r="DZ70" s="896"/>
      <c r="EA70" s="226"/>
    </row>
    <row r="71" spans="1:131" ht="26.25" customHeight="1" x14ac:dyDescent="0.2">
      <c r="A71" s="234">
        <v>4</v>
      </c>
      <c r="B71" s="908" t="s">
        <v>592</v>
      </c>
      <c r="C71" s="909"/>
      <c r="D71" s="909"/>
      <c r="E71" s="909"/>
      <c r="F71" s="909"/>
      <c r="G71" s="909"/>
      <c r="H71" s="909"/>
      <c r="I71" s="909"/>
      <c r="J71" s="909"/>
      <c r="K71" s="909"/>
      <c r="L71" s="909"/>
      <c r="M71" s="909"/>
      <c r="N71" s="909"/>
      <c r="O71" s="909"/>
      <c r="P71" s="910"/>
      <c r="Q71" s="911">
        <v>1142</v>
      </c>
      <c r="R71" s="865"/>
      <c r="S71" s="865"/>
      <c r="T71" s="865"/>
      <c r="U71" s="865"/>
      <c r="V71" s="865">
        <v>1103</v>
      </c>
      <c r="W71" s="865"/>
      <c r="X71" s="865"/>
      <c r="Y71" s="865"/>
      <c r="Z71" s="865"/>
      <c r="AA71" s="865">
        <v>38</v>
      </c>
      <c r="AB71" s="865"/>
      <c r="AC71" s="865"/>
      <c r="AD71" s="865"/>
      <c r="AE71" s="865"/>
      <c r="AF71" s="865">
        <v>38</v>
      </c>
      <c r="AG71" s="865"/>
      <c r="AH71" s="865"/>
      <c r="AI71" s="865"/>
      <c r="AJ71" s="865"/>
      <c r="AK71" s="865" t="s">
        <v>588</v>
      </c>
      <c r="AL71" s="865"/>
      <c r="AM71" s="865"/>
      <c r="AN71" s="865"/>
      <c r="AO71" s="865"/>
      <c r="AP71" s="865" t="s">
        <v>588</v>
      </c>
      <c r="AQ71" s="865"/>
      <c r="AR71" s="865"/>
      <c r="AS71" s="865"/>
      <c r="AT71" s="865"/>
      <c r="AU71" s="865" t="s">
        <v>588</v>
      </c>
      <c r="AV71" s="865"/>
      <c r="AW71" s="865"/>
      <c r="AX71" s="865"/>
      <c r="AY71" s="865"/>
      <c r="AZ71" s="866"/>
      <c r="BA71" s="866"/>
      <c r="BB71" s="866"/>
      <c r="BC71" s="866"/>
      <c r="BD71" s="867"/>
      <c r="BE71" s="237"/>
      <c r="BF71" s="237"/>
      <c r="BG71" s="237"/>
      <c r="BH71" s="237"/>
      <c r="BI71" s="237"/>
      <c r="BJ71" s="237"/>
      <c r="BK71" s="237"/>
      <c r="BL71" s="237"/>
      <c r="BM71" s="237"/>
      <c r="BN71" s="237"/>
      <c r="BO71" s="237"/>
      <c r="BP71" s="237"/>
      <c r="BQ71" s="234">
        <v>65</v>
      </c>
      <c r="BR71" s="239"/>
      <c r="BS71" s="894"/>
      <c r="BT71" s="895"/>
      <c r="BU71" s="895"/>
      <c r="BV71" s="895"/>
      <c r="BW71" s="895"/>
      <c r="BX71" s="895"/>
      <c r="BY71" s="895"/>
      <c r="BZ71" s="895"/>
      <c r="CA71" s="895"/>
      <c r="CB71" s="895"/>
      <c r="CC71" s="895"/>
      <c r="CD71" s="895"/>
      <c r="CE71" s="895"/>
      <c r="CF71" s="895"/>
      <c r="CG71" s="900"/>
      <c r="CH71" s="897"/>
      <c r="CI71" s="898"/>
      <c r="CJ71" s="898"/>
      <c r="CK71" s="898"/>
      <c r="CL71" s="899"/>
      <c r="CM71" s="897"/>
      <c r="CN71" s="898"/>
      <c r="CO71" s="898"/>
      <c r="CP71" s="898"/>
      <c r="CQ71" s="899"/>
      <c r="CR71" s="897"/>
      <c r="CS71" s="898"/>
      <c r="CT71" s="898"/>
      <c r="CU71" s="898"/>
      <c r="CV71" s="899"/>
      <c r="CW71" s="897"/>
      <c r="CX71" s="898"/>
      <c r="CY71" s="898"/>
      <c r="CZ71" s="898"/>
      <c r="DA71" s="899"/>
      <c r="DB71" s="897"/>
      <c r="DC71" s="898"/>
      <c r="DD71" s="898"/>
      <c r="DE71" s="898"/>
      <c r="DF71" s="899"/>
      <c r="DG71" s="897"/>
      <c r="DH71" s="898"/>
      <c r="DI71" s="898"/>
      <c r="DJ71" s="898"/>
      <c r="DK71" s="899"/>
      <c r="DL71" s="897"/>
      <c r="DM71" s="898"/>
      <c r="DN71" s="898"/>
      <c r="DO71" s="898"/>
      <c r="DP71" s="899"/>
      <c r="DQ71" s="897"/>
      <c r="DR71" s="898"/>
      <c r="DS71" s="898"/>
      <c r="DT71" s="898"/>
      <c r="DU71" s="899"/>
      <c r="DV71" s="894"/>
      <c r="DW71" s="895"/>
      <c r="DX71" s="895"/>
      <c r="DY71" s="895"/>
      <c r="DZ71" s="896"/>
      <c r="EA71" s="226"/>
    </row>
    <row r="72" spans="1:131" ht="26.25" customHeight="1" x14ac:dyDescent="0.2">
      <c r="A72" s="234">
        <v>5</v>
      </c>
      <c r="B72" s="908"/>
      <c r="C72" s="909"/>
      <c r="D72" s="909"/>
      <c r="E72" s="909"/>
      <c r="F72" s="909"/>
      <c r="G72" s="909"/>
      <c r="H72" s="909"/>
      <c r="I72" s="909"/>
      <c r="J72" s="909"/>
      <c r="K72" s="909"/>
      <c r="L72" s="909"/>
      <c r="M72" s="909"/>
      <c r="N72" s="909"/>
      <c r="O72" s="909"/>
      <c r="P72" s="910"/>
      <c r="Q72" s="911"/>
      <c r="R72" s="865"/>
      <c r="S72" s="865"/>
      <c r="T72" s="865"/>
      <c r="U72" s="865"/>
      <c r="V72" s="865"/>
      <c r="W72" s="865"/>
      <c r="X72" s="865"/>
      <c r="Y72" s="865"/>
      <c r="Z72" s="865"/>
      <c r="AA72" s="865"/>
      <c r="AB72" s="865"/>
      <c r="AC72" s="865"/>
      <c r="AD72" s="865"/>
      <c r="AE72" s="865"/>
      <c r="AF72" s="865"/>
      <c r="AG72" s="865"/>
      <c r="AH72" s="865"/>
      <c r="AI72" s="865"/>
      <c r="AJ72" s="865"/>
      <c r="AK72" s="865"/>
      <c r="AL72" s="865"/>
      <c r="AM72" s="865"/>
      <c r="AN72" s="865"/>
      <c r="AO72" s="865"/>
      <c r="AP72" s="865"/>
      <c r="AQ72" s="865"/>
      <c r="AR72" s="865"/>
      <c r="AS72" s="865"/>
      <c r="AT72" s="865"/>
      <c r="AU72" s="865"/>
      <c r="AV72" s="865"/>
      <c r="AW72" s="865"/>
      <c r="AX72" s="865"/>
      <c r="AY72" s="865"/>
      <c r="AZ72" s="866"/>
      <c r="BA72" s="866"/>
      <c r="BB72" s="866"/>
      <c r="BC72" s="866"/>
      <c r="BD72" s="867"/>
      <c r="BE72" s="237"/>
      <c r="BF72" s="237"/>
      <c r="BG72" s="237"/>
      <c r="BH72" s="237"/>
      <c r="BI72" s="237"/>
      <c r="BJ72" s="237"/>
      <c r="BK72" s="237"/>
      <c r="BL72" s="237"/>
      <c r="BM72" s="237"/>
      <c r="BN72" s="237"/>
      <c r="BO72" s="237"/>
      <c r="BP72" s="237"/>
      <c r="BQ72" s="234">
        <v>66</v>
      </c>
      <c r="BR72" s="239"/>
      <c r="BS72" s="894"/>
      <c r="BT72" s="895"/>
      <c r="BU72" s="895"/>
      <c r="BV72" s="895"/>
      <c r="BW72" s="895"/>
      <c r="BX72" s="895"/>
      <c r="BY72" s="895"/>
      <c r="BZ72" s="895"/>
      <c r="CA72" s="895"/>
      <c r="CB72" s="895"/>
      <c r="CC72" s="895"/>
      <c r="CD72" s="895"/>
      <c r="CE72" s="895"/>
      <c r="CF72" s="895"/>
      <c r="CG72" s="900"/>
      <c r="CH72" s="897"/>
      <c r="CI72" s="898"/>
      <c r="CJ72" s="898"/>
      <c r="CK72" s="898"/>
      <c r="CL72" s="899"/>
      <c r="CM72" s="897"/>
      <c r="CN72" s="898"/>
      <c r="CO72" s="898"/>
      <c r="CP72" s="898"/>
      <c r="CQ72" s="899"/>
      <c r="CR72" s="897"/>
      <c r="CS72" s="898"/>
      <c r="CT72" s="898"/>
      <c r="CU72" s="898"/>
      <c r="CV72" s="899"/>
      <c r="CW72" s="897"/>
      <c r="CX72" s="898"/>
      <c r="CY72" s="898"/>
      <c r="CZ72" s="898"/>
      <c r="DA72" s="899"/>
      <c r="DB72" s="897"/>
      <c r="DC72" s="898"/>
      <c r="DD72" s="898"/>
      <c r="DE72" s="898"/>
      <c r="DF72" s="899"/>
      <c r="DG72" s="897"/>
      <c r="DH72" s="898"/>
      <c r="DI72" s="898"/>
      <c r="DJ72" s="898"/>
      <c r="DK72" s="899"/>
      <c r="DL72" s="897"/>
      <c r="DM72" s="898"/>
      <c r="DN72" s="898"/>
      <c r="DO72" s="898"/>
      <c r="DP72" s="899"/>
      <c r="DQ72" s="897"/>
      <c r="DR72" s="898"/>
      <c r="DS72" s="898"/>
      <c r="DT72" s="898"/>
      <c r="DU72" s="899"/>
      <c r="DV72" s="894"/>
      <c r="DW72" s="895"/>
      <c r="DX72" s="895"/>
      <c r="DY72" s="895"/>
      <c r="DZ72" s="896"/>
      <c r="EA72" s="226"/>
    </row>
    <row r="73" spans="1:131" ht="26.25" customHeight="1" x14ac:dyDescent="0.2">
      <c r="A73" s="234">
        <v>6</v>
      </c>
      <c r="B73" s="908"/>
      <c r="C73" s="909"/>
      <c r="D73" s="909"/>
      <c r="E73" s="909"/>
      <c r="F73" s="909"/>
      <c r="G73" s="909"/>
      <c r="H73" s="909"/>
      <c r="I73" s="909"/>
      <c r="J73" s="909"/>
      <c r="K73" s="909"/>
      <c r="L73" s="909"/>
      <c r="M73" s="909"/>
      <c r="N73" s="909"/>
      <c r="O73" s="909"/>
      <c r="P73" s="910"/>
      <c r="Q73" s="911"/>
      <c r="R73" s="865"/>
      <c r="S73" s="865"/>
      <c r="T73" s="865"/>
      <c r="U73" s="865"/>
      <c r="V73" s="865"/>
      <c r="W73" s="865"/>
      <c r="X73" s="865"/>
      <c r="Y73" s="865"/>
      <c r="Z73" s="865"/>
      <c r="AA73" s="865"/>
      <c r="AB73" s="865"/>
      <c r="AC73" s="865"/>
      <c r="AD73" s="865"/>
      <c r="AE73" s="865"/>
      <c r="AF73" s="865"/>
      <c r="AG73" s="865"/>
      <c r="AH73" s="865"/>
      <c r="AI73" s="865"/>
      <c r="AJ73" s="865"/>
      <c r="AK73" s="865"/>
      <c r="AL73" s="865"/>
      <c r="AM73" s="865"/>
      <c r="AN73" s="865"/>
      <c r="AO73" s="865"/>
      <c r="AP73" s="865"/>
      <c r="AQ73" s="865"/>
      <c r="AR73" s="865"/>
      <c r="AS73" s="865"/>
      <c r="AT73" s="865"/>
      <c r="AU73" s="865"/>
      <c r="AV73" s="865"/>
      <c r="AW73" s="865"/>
      <c r="AX73" s="865"/>
      <c r="AY73" s="865"/>
      <c r="AZ73" s="866"/>
      <c r="BA73" s="866"/>
      <c r="BB73" s="866"/>
      <c r="BC73" s="866"/>
      <c r="BD73" s="867"/>
      <c r="BE73" s="237"/>
      <c r="BF73" s="237"/>
      <c r="BG73" s="237"/>
      <c r="BH73" s="237"/>
      <c r="BI73" s="237"/>
      <c r="BJ73" s="237"/>
      <c r="BK73" s="237"/>
      <c r="BL73" s="237"/>
      <c r="BM73" s="237"/>
      <c r="BN73" s="237"/>
      <c r="BO73" s="237"/>
      <c r="BP73" s="237"/>
      <c r="BQ73" s="234">
        <v>67</v>
      </c>
      <c r="BR73" s="239"/>
      <c r="BS73" s="894"/>
      <c r="BT73" s="895"/>
      <c r="BU73" s="895"/>
      <c r="BV73" s="895"/>
      <c r="BW73" s="895"/>
      <c r="BX73" s="895"/>
      <c r="BY73" s="895"/>
      <c r="BZ73" s="895"/>
      <c r="CA73" s="895"/>
      <c r="CB73" s="895"/>
      <c r="CC73" s="895"/>
      <c r="CD73" s="895"/>
      <c r="CE73" s="895"/>
      <c r="CF73" s="895"/>
      <c r="CG73" s="900"/>
      <c r="CH73" s="897"/>
      <c r="CI73" s="898"/>
      <c r="CJ73" s="898"/>
      <c r="CK73" s="898"/>
      <c r="CL73" s="899"/>
      <c r="CM73" s="897"/>
      <c r="CN73" s="898"/>
      <c r="CO73" s="898"/>
      <c r="CP73" s="898"/>
      <c r="CQ73" s="899"/>
      <c r="CR73" s="897"/>
      <c r="CS73" s="898"/>
      <c r="CT73" s="898"/>
      <c r="CU73" s="898"/>
      <c r="CV73" s="899"/>
      <c r="CW73" s="897"/>
      <c r="CX73" s="898"/>
      <c r="CY73" s="898"/>
      <c r="CZ73" s="898"/>
      <c r="DA73" s="899"/>
      <c r="DB73" s="897"/>
      <c r="DC73" s="898"/>
      <c r="DD73" s="898"/>
      <c r="DE73" s="898"/>
      <c r="DF73" s="899"/>
      <c r="DG73" s="897"/>
      <c r="DH73" s="898"/>
      <c r="DI73" s="898"/>
      <c r="DJ73" s="898"/>
      <c r="DK73" s="899"/>
      <c r="DL73" s="897"/>
      <c r="DM73" s="898"/>
      <c r="DN73" s="898"/>
      <c r="DO73" s="898"/>
      <c r="DP73" s="899"/>
      <c r="DQ73" s="897"/>
      <c r="DR73" s="898"/>
      <c r="DS73" s="898"/>
      <c r="DT73" s="898"/>
      <c r="DU73" s="899"/>
      <c r="DV73" s="894"/>
      <c r="DW73" s="895"/>
      <c r="DX73" s="895"/>
      <c r="DY73" s="895"/>
      <c r="DZ73" s="896"/>
      <c r="EA73" s="226"/>
    </row>
    <row r="74" spans="1:131" ht="26.25" customHeight="1" x14ac:dyDescent="0.2">
      <c r="A74" s="234">
        <v>7</v>
      </c>
      <c r="B74" s="908"/>
      <c r="C74" s="909"/>
      <c r="D74" s="909"/>
      <c r="E74" s="909"/>
      <c r="F74" s="909"/>
      <c r="G74" s="909"/>
      <c r="H74" s="909"/>
      <c r="I74" s="909"/>
      <c r="J74" s="909"/>
      <c r="K74" s="909"/>
      <c r="L74" s="909"/>
      <c r="M74" s="909"/>
      <c r="N74" s="909"/>
      <c r="O74" s="909"/>
      <c r="P74" s="910"/>
      <c r="Q74" s="911"/>
      <c r="R74" s="865"/>
      <c r="S74" s="865"/>
      <c r="T74" s="865"/>
      <c r="U74" s="865"/>
      <c r="V74" s="865"/>
      <c r="W74" s="865"/>
      <c r="X74" s="865"/>
      <c r="Y74" s="865"/>
      <c r="Z74" s="865"/>
      <c r="AA74" s="865"/>
      <c r="AB74" s="865"/>
      <c r="AC74" s="865"/>
      <c r="AD74" s="865"/>
      <c r="AE74" s="865"/>
      <c r="AF74" s="865"/>
      <c r="AG74" s="865"/>
      <c r="AH74" s="865"/>
      <c r="AI74" s="865"/>
      <c r="AJ74" s="865"/>
      <c r="AK74" s="865"/>
      <c r="AL74" s="865"/>
      <c r="AM74" s="865"/>
      <c r="AN74" s="865"/>
      <c r="AO74" s="865"/>
      <c r="AP74" s="865"/>
      <c r="AQ74" s="865"/>
      <c r="AR74" s="865"/>
      <c r="AS74" s="865"/>
      <c r="AT74" s="865"/>
      <c r="AU74" s="865"/>
      <c r="AV74" s="865"/>
      <c r="AW74" s="865"/>
      <c r="AX74" s="865"/>
      <c r="AY74" s="865"/>
      <c r="AZ74" s="866"/>
      <c r="BA74" s="866"/>
      <c r="BB74" s="866"/>
      <c r="BC74" s="866"/>
      <c r="BD74" s="867"/>
      <c r="BE74" s="237"/>
      <c r="BF74" s="237"/>
      <c r="BG74" s="237"/>
      <c r="BH74" s="237"/>
      <c r="BI74" s="237"/>
      <c r="BJ74" s="237"/>
      <c r="BK74" s="237"/>
      <c r="BL74" s="237"/>
      <c r="BM74" s="237"/>
      <c r="BN74" s="237"/>
      <c r="BO74" s="237"/>
      <c r="BP74" s="237"/>
      <c r="BQ74" s="234">
        <v>68</v>
      </c>
      <c r="BR74" s="239"/>
      <c r="BS74" s="894"/>
      <c r="BT74" s="895"/>
      <c r="BU74" s="895"/>
      <c r="BV74" s="895"/>
      <c r="BW74" s="895"/>
      <c r="BX74" s="895"/>
      <c r="BY74" s="895"/>
      <c r="BZ74" s="895"/>
      <c r="CA74" s="895"/>
      <c r="CB74" s="895"/>
      <c r="CC74" s="895"/>
      <c r="CD74" s="895"/>
      <c r="CE74" s="895"/>
      <c r="CF74" s="895"/>
      <c r="CG74" s="900"/>
      <c r="CH74" s="897"/>
      <c r="CI74" s="898"/>
      <c r="CJ74" s="898"/>
      <c r="CK74" s="898"/>
      <c r="CL74" s="899"/>
      <c r="CM74" s="897"/>
      <c r="CN74" s="898"/>
      <c r="CO74" s="898"/>
      <c r="CP74" s="898"/>
      <c r="CQ74" s="899"/>
      <c r="CR74" s="897"/>
      <c r="CS74" s="898"/>
      <c r="CT74" s="898"/>
      <c r="CU74" s="898"/>
      <c r="CV74" s="899"/>
      <c r="CW74" s="897"/>
      <c r="CX74" s="898"/>
      <c r="CY74" s="898"/>
      <c r="CZ74" s="898"/>
      <c r="DA74" s="899"/>
      <c r="DB74" s="897"/>
      <c r="DC74" s="898"/>
      <c r="DD74" s="898"/>
      <c r="DE74" s="898"/>
      <c r="DF74" s="899"/>
      <c r="DG74" s="897"/>
      <c r="DH74" s="898"/>
      <c r="DI74" s="898"/>
      <c r="DJ74" s="898"/>
      <c r="DK74" s="899"/>
      <c r="DL74" s="897"/>
      <c r="DM74" s="898"/>
      <c r="DN74" s="898"/>
      <c r="DO74" s="898"/>
      <c r="DP74" s="899"/>
      <c r="DQ74" s="897"/>
      <c r="DR74" s="898"/>
      <c r="DS74" s="898"/>
      <c r="DT74" s="898"/>
      <c r="DU74" s="899"/>
      <c r="DV74" s="894"/>
      <c r="DW74" s="895"/>
      <c r="DX74" s="895"/>
      <c r="DY74" s="895"/>
      <c r="DZ74" s="896"/>
      <c r="EA74" s="226"/>
    </row>
    <row r="75" spans="1:131" ht="26.25" customHeight="1" x14ac:dyDescent="0.2">
      <c r="A75" s="234">
        <v>8</v>
      </c>
      <c r="B75" s="908"/>
      <c r="C75" s="909"/>
      <c r="D75" s="909"/>
      <c r="E75" s="909"/>
      <c r="F75" s="909"/>
      <c r="G75" s="909"/>
      <c r="H75" s="909"/>
      <c r="I75" s="909"/>
      <c r="J75" s="909"/>
      <c r="K75" s="909"/>
      <c r="L75" s="909"/>
      <c r="M75" s="909"/>
      <c r="N75" s="909"/>
      <c r="O75" s="909"/>
      <c r="P75" s="910"/>
      <c r="Q75" s="912"/>
      <c r="R75" s="913"/>
      <c r="S75" s="913"/>
      <c r="T75" s="913"/>
      <c r="U75" s="868"/>
      <c r="V75" s="914"/>
      <c r="W75" s="913"/>
      <c r="X75" s="913"/>
      <c r="Y75" s="913"/>
      <c r="Z75" s="868"/>
      <c r="AA75" s="914"/>
      <c r="AB75" s="913"/>
      <c r="AC75" s="913"/>
      <c r="AD75" s="913"/>
      <c r="AE75" s="868"/>
      <c r="AF75" s="914"/>
      <c r="AG75" s="913"/>
      <c r="AH75" s="913"/>
      <c r="AI75" s="913"/>
      <c r="AJ75" s="868"/>
      <c r="AK75" s="914"/>
      <c r="AL75" s="913"/>
      <c r="AM75" s="913"/>
      <c r="AN75" s="913"/>
      <c r="AO75" s="868"/>
      <c r="AP75" s="914"/>
      <c r="AQ75" s="913"/>
      <c r="AR75" s="913"/>
      <c r="AS75" s="913"/>
      <c r="AT75" s="868"/>
      <c r="AU75" s="914"/>
      <c r="AV75" s="913"/>
      <c r="AW75" s="913"/>
      <c r="AX75" s="913"/>
      <c r="AY75" s="868"/>
      <c r="AZ75" s="866"/>
      <c r="BA75" s="866"/>
      <c r="BB75" s="866"/>
      <c r="BC75" s="866"/>
      <c r="BD75" s="867"/>
      <c r="BE75" s="237"/>
      <c r="BF75" s="237"/>
      <c r="BG75" s="237"/>
      <c r="BH75" s="237"/>
      <c r="BI75" s="237"/>
      <c r="BJ75" s="237"/>
      <c r="BK75" s="237"/>
      <c r="BL75" s="237"/>
      <c r="BM75" s="237"/>
      <c r="BN75" s="237"/>
      <c r="BO75" s="237"/>
      <c r="BP75" s="237"/>
      <c r="BQ75" s="234">
        <v>69</v>
      </c>
      <c r="BR75" s="239"/>
      <c r="BS75" s="894"/>
      <c r="BT75" s="895"/>
      <c r="BU75" s="895"/>
      <c r="BV75" s="895"/>
      <c r="BW75" s="895"/>
      <c r="BX75" s="895"/>
      <c r="BY75" s="895"/>
      <c r="BZ75" s="895"/>
      <c r="CA75" s="895"/>
      <c r="CB75" s="895"/>
      <c r="CC75" s="895"/>
      <c r="CD75" s="895"/>
      <c r="CE75" s="895"/>
      <c r="CF75" s="895"/>
      <c r="CG75" s="900"/>
      <c r="CH75" s="897"/>
      <c r="CI75" s="898"/>
      <c r="CJ75" s="898"/>
      <c r="CK75" s="898"/>
      <c r="CL75" s="899"/>
      <c r="CM75" s="897"/>
      <c r="CN75" s="898"/>
      <c r="CO75" s="898"/>
      <c r="CP75" s="898"/>
      <c r="CQ75" s="899"/>
      <c r="CR75" s="897"/>
      <c r="CS75" s="898"/>
      <c r="CT75" s="898"/>
      <c r="CU75" s="898"/>
      <c r="CV75" s="899"/>
      <c r="CW75" s="897"/>
      <c r="CX75" s="898"/>
      <c r="CY75" s="898"/>
      <c r="CZ75" s="898"/>
      <c r="DA75" s="899"/>
      <c r="DB75" s="897"/>
      <c r="DC75" s="898"/>
      <c r="DD75" s="898"/>
      <c r="DE75" s="898"/>
      <c r="DF75" s="899"/>
      <c r="DG75" s="897"/>
      <c r="DH75" s="898"/>
      <c r="DI75" s="898"/>
      <c r="DJ75" s="898"/>
      <c r="DK75" s="899"/>
      <c r="DL75" s="897"/>
      <c r="DM75" s="898"/>
      <c r="DN75" s="898"/>
      <c r="DO75" s="898"/>
      <c r="DP75" s="899"/>
      <c r="DQ75" s="897"/>
      <c r="DR75" s="898"/>
      <c r="DS75" s="898"/>
      <c r="DT75" s="898"/>
      <c r="DU75" s="899"/>
      <c r="DV75" s="894"/>
      <c r="DW75" s="895"/>
      <c r="DX75" s="895"/>
      <c r="DY75" s="895"/>
      <c r="DZ75" s="896"/>
      <c r="EA75" s="226"/>
    </row>
    <row r="76" spans="1:131" ht="26.25" customHeight="1" x14ac:dyDescent="0.2">
      <c r="A76" s="234">
        <v>9</v>
      </c>
      <c r="B76" s="908"/>
      <c r="C76" s="909"/>
      <c r="D76" s="909"/>
      <c r="E76" s="909"/>
      <c r="F76" s="909"/>
      <c r="G76" s="909"/>
      <c r="H76" s="909"/>
      <c r="I76" s="909"/>
      <c r="J76" s="909"/>
      <c r="K76" s="909"/>
      <c r="L76" s="909"/>
      <c r="M76" s="909"/>
      <c r="N76" s="909"/>
      <c r="O76" s="909"/>
      <c r="P76" s="910"/>
      <c r="Q76" s="912"/>
      <c r="R76" s="913"/>
      <c r="S76" s="913"/>
      <c r="T76" s="913"/>
      <c r="U76" s="868"/>
      <c r="V76" s="914"/>
      <c r="W76" s="913"/>
      <c r="X76" s="913"/>
      <c r="Y76" s="913"/>
      <c r="Z76" s="868"/>
      <c r="AA76" s="914"/>
      <c r="AB76" s="913"/>
      <c r="AC76" s="913"/>
      <c r="AD76" s="913"/>
      <c r="AE76" s="868"/>
      <c r="AF76" s="914"/>
      <c r="AG76" s="913"/>
      <c r="AH76" s="913"/>
      <c r="AI76" s="913"/>
      <c r="AJ76" s="868"/>
      <c r="AK76" s="914"/>
      <c r="AL76" s="913"/>
      <c r="AM76" s="913"/>
      <c r="AN76" s="913"/>
      <c r="AO76" s="868"/>
      <c r="AP76" s="914"/>
      <c r="AQ76" s="913"/>
      <c r="AR76" s="913"/>
      <c r="AS76" s="913"/>
      <c r="AT76" s="868"/>
      <c r="AU76" s="914"/>
      <c r="AV76" s="913"/>
      <c r="AW76" s="913"/>
      <c r="AX76" s="913"/>
      <c r="AY76" s="868"/>
      <c r="AZ76" s="866"/>
      <c r="BA76" s="866"/>
      <c r="BB76" s="866"/>
      <c r="BC76" s="866"/>
      <c r="BD76" s="867"/>
      <c r="BE76" s="237"/>
      <c r="BF76" s="237"/>
      <c r="BG76" s="237"/>
      <c r="BH76" s="237"/>
      <c r="BI76" s="237"/>
      <c r="BJ76" s="237"/>
      <c r="BK76" s="237"/>
      <c r="BL76" s="237"/>
      <c r="BM76" s="237"/>
      <c r="BN76" s="237"/>
      <c r="BO76" s="237"/>
      <c r="BP76" s="237"/>
      <c r="BQ76" s="234">
        <v>70</v>
      </c>
      <c r="BR76" s="239"/>
      <c r="BS76" s="894"/>
      <c r="BT76" s="895"/>
      <c r="BU76" s="895"/>
      <c r="BV76" s="895"/>
      <c r="BW76" s="895"/>
      <c r="BX76" s="895"/>
      <c r="BY76" s="895"/>
      <c r="BZ76" s="895"/>
      <c r="CA76" s="895"/>
      <c r="CB76" s="895"/>
      <c r="CC76" s="895"/>
      <c r="CD76" s="895"/>
      <c r="CE76" s="895"/>
      <c r="CF76" s="895"/>
      <c r="CG76" s="900"/>
      <c r="CH76" s="897"/>
      <c r="CI76" s="898"/>
      <c r="CJ76" s="898"/>
      <c r="CK76" s="898"/>
      <c r="CL76" s="899"/>
      <c r="CM76" s="897"/>
      <c r="CN76" s="898"/>
      <c r="CO76" s="898"/>
      <c r="CP76" s="898"/>
      <c r="CQ76" s="899"/>
      <c r="CR76" s="897"/>
      <c r="CS76" s="898"/>
      <c r="CT76" s="898"/>
      <c r="CU76" s="898"/>
      <c r="CV76" s="899"/>
      <c r="CW76" s="897"/>
      <c r="CX76" s="898"/>
      <c r="CY76" s="898"/>
      <c r="CZ76" s="898"/>
      <c r="DA76" s="899"/>
      <c r="DB76" s="897"/>
      <c r="DC76" s="898"/>
      <c r="DD76" s="898"/>
      <c r="DE76" s="898"/>
      <c r="DF76" s="899"/>
      <c r="DG76" s="897"/>
      <c r="DH76" s="898"/>
      <c r="DI76" s="898"/>
      <c r="DJ76" s="898"/>
      <c r="DK76" s="899"/>
      <c r="DL76" s="897"/>
      <c r="DM76" s="898"/>
      <c r="DN76" s="898"/>
      <c r="DO76" s="898"/>
      <c r="DP76" s="899"/>
      <c r="DQ76" s="897"/>
      <c r="DR76" s="898"/>
      <c r="DS76" s="898"/>
      <c r="DT76" s="898"/>
      <c r="DU76" s="899"/>
      <c r="DV76" s="894"/>
      <c r="DW76" s="895"/>
      <c r="DX76" s="895"/>
      <c r="DY76" s="895"/>
      <c r="DZ76" s="896"/>
      <c r="EA76" s="226"/>
    </row>
    <row r="77" spans="1:131" ht="26.25" customHeight="1" x14ac:dyDescent="0.2">
      <c r="A77" s="234">
        <v>10</v>
      </c>
      <c r="B77" s="908"/>
      <c r="C77" s="909"/>
      <c r="D77" s="909"/>
      <c r="E77" s="909"/>
      <c r="F77" s="909"/>
      <c r="G77" s="909"/>
      <c r="H77" s="909"/>
      <c r="I77" s="909"/>
      <c r="J77" s="909"/>
      <c r="K77" s="909"/>
      <c r="L77" s="909"/>
      <c r="M77" s="909"/>
      <c r="N77" s="909"/>
      <c r="O77" s="909"/>
      <c r="P77" s="910"/>
      <c r="Q77" s="912"/>
      <c r="R77" s="913"/>
      <c r="S77" s="913"/>
      <c r="T77" s="913"/>
      <c r="U77" s="868"/>
      <c r="V77" s="914"/>
      <c r="W77" s="913"/>
      <c r="X77" s="913"/>
      <c r="Y77" s="913"/>
      <c r="Z77" s="868"/>
      <c r="AA77" s="914"/>
      <c r="AB77" s="913"/>
      <c r="AC77" s="913"/>
      <c r="AD77" s="913"/>
      <c r="AE77" s="868"/>
      <c r="AF77" s="914"/>
      <c r="AG77" s="913"/>
      <c r="AH77" s="913"/>
      <c r="AI77" s="913"/>
      <c r="AJ77" s="868"/>
      <c r="AK77" s="914"/>
      <c r="AL77" s="913"/>
      <c r="AM77" s="913"/>
      <c r="AN77" s="913"/>
      <c r="AO77" s="868"/>
      <c r="AP77" s="914"/>
      <c r="AQ77" s="913"/>
      <c r="AR77" s="913"/>
      <c r="AS77" s="913"/>
      <c r="AT77" s="868"/>
      <c r="AU77" s="914"/>
      <c r="AV77" s="913"/>
      <c r="AW77" s="913"/>
      <c r="AX77" s="913"/>
      <c r="AY77" s="868"/>
      <c r="AZ77" s="866"/>
      <c r="BA77" s="866"/>
      <c r="BB77" s="866"/>
      <c r="BC77" s="866"/>
      <c r="BD77" s="867"/>
      <c r="BE77" s="237"/>
      <c r="BF77" s="237"/>
      <c r="BG77" s="237"/>
      <c r="BH77" s="237"/>
      <c r="BI77" s="237"/>
      <c r="BJ77" s="237"/>
      <c r="BK77" s="237"/>
      <c r="BL77" s="237"/>
      <c r="BM77" s="237"/>
      <c r="BN77" s="237"/>
      <c r="BO77" s="237"/>
      <c r="BP77" s="237"/>
      <c r="BQ77" s="234">
        <v>71</v>
      </c>
      <c r="BR77" s="239"/>
      <c r="BS77" s="894"/>
      <c r="BT77" s="895"/>
      <c r="BU77" s="895"/>
      <c r="BV77" s="895"/>
      <c r="BW77" s="895"/>
      <c r="BX77" s="895"/>
      <c r="BY77" s="895"/>
      <c r="BZ77" s="895"/>
      <c r="CA77" s="895"/>
      <c r="CB77" s="895"/>
      <c r="CC77" s="895"/>
      <c r="CD77" s="895"/>
      <c r="CE77" s="895"/>
      <c r="CF77" s="895"/>
      <c r="CG77" s="900"/>
      <c r="CH77" s="897"/>
      <c r="CI77" s="898"/>
      <c r="CJ77" s="898"/>
      <c r="CK77" s="898"/>
      <c r="CL77" s="899"/>
      <c r="CM77" s="897"/>
      <c r="CN77" s="898"/>
      <c r="CO77" s="898"/>
      <c r="CP77" s="898"/>
      <c r="CQ77" s="899"/>
      <c r="CR77" s="897"/>
      <c r="CS77" s="898"/>
      <c r="CT77" s="898"/>
      <c r="CU77" s="898"/>
      <c r="CV77" s="899"/>
      <c r="CW77" s="897"/>
      <c r="CX77" s="898"/>
      <c r="CY77" s="898"/>
      <c r="CZ77" s="898"/>
      <c r="DA77" s="899"/>
      <c r="DB77" s="897"/>
      <c r="DC77" s="898"/>
      <c r="DD77" s="898"/>
      <c r="DE77" s="898"/>
      <c r="DF77" s="899"/>
      <c r="DG77" s="897"/>
      <c r="DH77" s="898"/>
      <c r="DI77" s="898"/>
      <c r="DJ77" s="898"/>
      <c r="DK77" s="899"/>
      <c r="DL77" s="897"/>
      <c r="DM77" s="898"/>
      <c r="DN77" s="898"/>
      <c r="DO77" s="898"/>
      <c r="DP77" s="899"/>
      <c r="DQ77" s="897"/>
      <c r="DR77" s="898"/>
      <c r="DS77" s="898"/>
      <c r="DT77" s="898"/>
      <c r="DU77" s="899"/>
      <c r="DV77" s="894"/>
      <c r="DW77" s="895"/>
      <c r="DX77" s="895"/>
      <c r="DY77" s="895"/>
      <c r="DZ77" s="896"/>
      <c r="EA77" s="226"/>
    </row>
    <row r="78" spans="1:131" ht="26.25" customHeight="1" x14ac:dyDescent="0.2">
      <c r="A78" s="234">
        <v>11</v>
      </c>
      <c r="B78" s="908"/>
      <c r="C78" s="909"/>
      <c r="D78" s="909"/>
      <c r="E78" s="909"/>
      <c r="F78" s="909"/>
      <c r="G78" s="909"/>
      <c r="H78" s="909"/>
      <c r="I78" s="909"/>
      <c r="J78" s="909"/>
      <c r="K78" s="909"/>
      <c r="L78" s="909"/>
      <c r="M78" s="909"/>
      <c r="N78" s="909"/>
      <c r="O78" s="909"/>
      <c r="P78" s="910"/>
      <c r="Q78" s="911"/>
      <c r="R78" s="865"/>
      <c r="S78" s="865"/>
      <c r="T78" s="865"/>
      <c r="U78" s="865"/>
      <c r="V78" s="865"/>
      <c r="W78" s="865"/>
      <c r="X78" s="865"/>
      <c r="Y78" s="865"/>
      <c r="Z78" s="865"/>
      <c r="AA78" s="865"/>
      <c r="AB78" s="865"/>
      <c r="AC78" s="865"/>
      <c r="AD78" s="865"/>
      <c r="AE78" s="865"/>
      <c r="AF78" s="865"/>
      <c r="AG78" s="865"/>
      <c r="AH78" s="865"/>
      <c r="AI78" s="865"/>
      <c r="AJ78" s="865"/>
      <c r="AK78" s="865"/>
      <c r="AL78" s="865"/>
      <c r="AM78" s="865"/>
      <c r="AN78" s="865"/>
      <c r="AO78" s="865"/>
      <c r="AP78" s="865"/>
      <c r="AQ78" s="865"/>
      <c r="AR78" s="865"/>
      <c r="AS78" s="865"/>
      <c r="AT78" s="865"/>
      <c r="AU78" s="865"/>
      <c r="AV78" s="865"/>
      <c r="AW78" s="865"/>
      <c r="AX78" s="865"/>
      <c r="AY78" s="865"/>
      <c r="AZ78" s="866"/>
      <c r="BA78" s="866"/>
      <c r="BB78" s="866"/>
      <c r="BC78" s="866"/>
      <c r="BD78" s="867"/>
      <c r="BE78" s="237"/>
      <c r="BF78" s="237"/>
      <c r="BG78" s="237"/>
      <c r="BH78" s="237"/>
      <c r="BI78" s="237"/>
      <c r="BJ78" s="226"/>
      <c r="BK78" s="226"/>
      <c r="BL78" s="226"/>
      <c r="BM78" s="226"/>
      <c r="BN78" s="226"/>
      <c r="BO78" s="237"/>
      <c r="BP78" s="237"/>
      <c r="BQ78" s="234">
        <v>72</v>
      </c>
      <c r="BR78" s="239"/>
      <c r="BS78" s="894"/>
      <c r="BT78" s="895"/>
      <c r="BU78" s="895"/>
      <c r="BV78" s="895"/>
      <c r="BW78" s="895"/>
      <c r="BX78" s="895"/>
      <c r="BY78" s="895"/>
      <c r="BZ78" s="895"/>
      <c r="CA78" s="895"/>
      <c r="CB78" s="895"/>
      <c r="CC78" s="895"/>
      <c r="CD78" s="895"/>
      <c r="CE78" s="895"/>
      <c r="CF78" s="895"/>
      <c r="CG78" s="900"/>
      <c r="CH78" s="897"/>
      <c r="CI78" s="898"/>
      <c r="CJ78" s="898"/>
      <c r="CK78" s="898"/>
      <c r="CL78" s="899"/>
      <c r="CM78" s="897"/>
      <c r="CN78" s="898"/>
      <c r="CO78" s="898"/>
      <c r="CP78" s="898"/>
      <c r="CQ78" s="899"/>
      <c r="CR78" s="897"/>
      <c r="CS78" s="898"/>
      <c r="CT78" s="898"/>
      <c r="CU78" s="898"/>
      <c r="CV78" s="899"/>
      <c r="CW78" s="897"/>
      <c r="CX78" s="898"/>
      <c r="CY78" s="898"/>
      <c r="CZ78" s="898"/>
      <c r="DA78" s="899"/>
      <c r="DB78" s="897"/>
      <c r="DC78" s="898"/>
      <c r="DD78" s="898"/>
      <c r="DE78" s="898"/>
      <c r="DF78" s="899"/>
      <c r="DG78" s="897"/>
      <c r="DH78" s="898"/>
      <c r="DI78" s="898"/>
      <c r="DJ78" s="898"/>
      <c r="DK78" s="899"/>
      <c r="DL78" s="897"/>
      <c r="DM78" s="898"/>
      <c r="DN78" s="898"/>
      <c r="DO78" s="898"/>
      <c r="DP78" s="899"/>
      <c r="DQ78" s="897"/>
      <c r="DR78" s="898"/>
      <c r="DS78" s="898"/>
      <c r="DT78" s="898"/>
      <c r="DU78" s="899"/>
      <c r="DV78" s="894"/>
      <c r="DW78" s="895"/>
      <c r="DX78" s="895"/>
      <c r="DY78" s="895"/>
      <c r="DZ78" s="896"/>
      <c r="EA78" s="226"/>
    </row>
    <row r="79" spans="1:131" ht="26.25" customHeight="1" x14ac:dyDescent="0.2">
      <c r="A79" s="234">
        <v>12</v>
      </c>
      <c r="B79" s="908"/>
      <c r="C79" s="909"/>
      <c r="D79" s="909"/>
      <c r="E79" s="909"/>
      <c r="F79" s="909"/>
      <c r="G79" s="909"/>
      <c r="H79" s="909"/>
      <c r="I79" s="909"/>
      <c r="J79" s="909"/>
      <c r="K79" s="909"/>
      <c r="L79" s="909"/>
      <c r="M79" s="909"/>
      <c r="N79" s="909"/>
      <c r="O79" s="909"/>
      <c r="P79" s="910"/>
      <c r="Q79" s="911"/>
      <c r="R79" s="865"/>
      <c r="S79" s="865"/>
      <c r="T79" s="865"/>
      <c r="U79" s="865"/>
      <c r="V79" s="865"/>
      <c r="W79" s="865"/>
      <c r="X79" s="865"/>
      <c r="Y79" s="865"/>
      <c r="Z79" s="865"/>
      <c r="AA79" s="865"/>
      <c r="AB79" s="865"/>
      <c r="AC79" s="865"/>
      <c r="AD79" s="865"/>
      <c r="AE79" s="865"/>
      <c r="AF79" s="865"/>
      <c r="AG79" s="865"/>
      <c r="AH79" s="865"/>
      <c r="AI79" s="865"/>
      <c r="AJ79" s="865"/>
      <c r="AK79" s="865"/>
      <c r="AL79" s="865"/>
      <c r="AM79" s="865"/>
      <c r="AN79" s="865"/>
      <c r="AO79" s="865"/>
      <c r="AP79" s="865"/>
      <c r="AQ79" s="865"/>
      <c r="AR79" s="865"/>
      <c r="AS79" s="865"/>
      <c r="AT79" s="865"/>
      <c r="AU79" s="865"/>
      <c r="AV79" s="865"/>
      <c r="AW79" s="865"/>
      <c r="AX79" s="865"/>
      <c r="AY79" s="865"/>
      <c r="AZ79" s="866"/>
      <c r="BA79" s="866"/>
      <c r="BB79" s="866"/>
      <c r="BC79" s="866"/>
      <c r="BD79" s="867"/>
      <c r="BE79" s="237"/>
      <c r="BF79" s="237"/>
      <c r="BG79" s="237"/>
      <c r="BH79" s="237"/>
      <c r="BI79" s="237"/>
      <c r="BJ79" s="226"/>
      <c r="BK79" s="226"/>
      <c r="BL79" s="226"/>
      <c r="BM79" s="226"/>
      <c r="BN79" s="226"/>
      <c r="BO79" s="237"/>
      <c r="BP79" s="237"/>
      <c r="BQ79" s="234">
        <v>73</v>
      </c>
      <c r="BR79" s="239"/>
      <c r="BS79" s="894"/>
      <c r="BT79" s="895"/>
      <c r="BU79" s="895"/>
      <c r="BV79" s="895"/>
      <c r="BW79" s="895"/>
      <c r="BX79" s="895"/>
      <c r="BY79" s="895"/>
      <c r="BZ79" s="895"/>
      <c r="CA79" s="895"/>
      <c r="CB79" s="895"/>
      <c r="CC79" s="895"/>
      <c r="CD79" s="895"/>
      <c r="CE79" s="895"/>
      <c r="CF79" s="895"/>
      <c r="CG79" s="900"/>
      <c r="CH79" s="897"/>
      <c r="CI79" s="898"/>
      <c r="CJ79" s="898"/>
      <c r="CK79" s="898"/>
      <c r="CL79" s="899"/>
      <c r="CM79" s="897"/>
      <c r="CN79" s="898"/>
      <c r="CO79" s="898"/>
      <c r="CP79" s="898"/>
      <c r="CQ79" s="899"/>
      <c r="CR79" s="897"/>
      <c r="CS79" s="898"/>
      <c r="CT79" s="898"/>
      <c r="CU79" s="898"/>
      <c r="CV79" s="899"/>
      <c r="CW79" s="897"/>
      <c r="CX79" s="898"/>
      <c r="CY79" s="898"/>
      <c r="CZ79" s="898"/>
      <c r="DA79" s="899"/>
      <c r="DB79" s="897"/>
      <c r="DC79" s="898"/>
      <c r="DD79" s="898"/>
      <c r="DE79" s="898"/>
      <c r="DF79" s="899"/>
      <c r="DG79" s="897"/>
      <c r="DH79" s="898"/>
      <c r="DI79" s="898"/>
      <c r="DJ79" s="898"/>
      <c r="DK79" s="899"/>
      <c r="DL79" s="897"/>
      <c r="DM79" s="898"/>
      <c r="DN79" s="898"/>
      <c r="DO79" s="898"/>
      <c r="DP79" s="899"/>
      <c r="DQ79" s="897"/>
      <c r="DR79" s="898"/>
      <c r="DS79" s="898"/>
      <c r="DT79" s="898"/>
      <c r="DU79" s="899"/>
      <c r="DV79" s="894"/>
      <c r="DW79" s="895"/>
      <c r="DX79" s="895"/>
      <c r="DY79" s="895"/>
      <c r="DZ79" s="896"/>
      <c r="EA79" s="226"/>
    </row>
    <row r="80" spans="1:131" ht="26.25" customHeight="1" x14ac:dyDescent="0.2">
      <c r="A80" s="234">
        <v>13</v>
      </c>
      <c r="B80" s="908"/>
      <c r="C80" s="909"/>
      <c r="D80" s="909"/>
      <c r="E80" s="909"/>
      <c r="F80" s="909"/>
      <c r="G80" s="909"/>
      <c r="H80" s="909"/>
      <c r="I80" s="909"/>
      <c r="J80" s="909"/>
      <c r="K80" s="909"/>
      <c r="L80" s="909"/>
      <c r="M80" s="909"/>
      <c r="N80" s="909"/>
      <c r="O80" s="909"/>
      <c r="P80" s="910"/>
      <c r="Q80" s="911"/>
      <c r="R80" s="865"/>
      <c r="S80" s="865"/>
      <c r="T80" s="865"/>
      <c r="U80" s="865"/>
      <c r="V80" s="865"/>
      <c r="W80" s="865"/>
      <c r="X80" s="865"/>
      <c r="Y80" s="865"/>
      <c r="Z80" s="865"/>
      <c r="AA80" s="865"/>
      <c r="AB80" s="865"/>
      <c r="AC80" s="865"/>
      <c r="AD80" s="865"/>
      <c r="AE80" s="865"/>
      <c r="AF80" s="865"/>
      <c r="AG80" s="865"/>
      <c r="AH80" s="865"/>
      <c r="AI80" s="865"/>
      <c r="AJ80" s="865"/>
      <c r="AK80" s="865"/>
      <c r="AL80" s="865"/>
      <c r="AM80" s="865"/>
      <c r="AN80" s="865"/>
      <c r="AO80" s="865"/>
      <c r="AP80" s="865"/>
      <c r="AQ80" s="865"/>
      <c r="AR80" s="865"/>
      <c r="AS80" s="865"/>
      <c r="AT80" s="865"/>
      <c r="AU80" s="865"/>
      <c r="AV80" s="865"/>
      <c r="AW80" s="865"/>
      <c r="AX80" s="865"/>
      <c r="AY80" s="865"/>
      <c r="AZ80" s="866"/>
      <c r="BA80" s="866"/>
      <c r="BB80" s="866"/>
      <c r="BC80" s="866"/>
      <c r="BD80" s="867"/>
      <c r="BE80" s="237"/>
      <c r="BF80" s="237"/>
      <c r="BG80" s="237"/>
      <c r="BH80" s="237"/>
      <c r="BI80" s="237"/>
      <c r="BJ80" s="237"/>
      <c r="BK80" s="237"/>
      <c r="BL80" s="237"/>
      <c r="BM80" s="237"/>
      <c r="BN80" s="237"/>
      <c r="BO80" s="237"/>
      <c r="BP80" s="237"/>
      <c r="BQ80" s="234">
        <v>74</v>
      </c>
      <c r="BR80" s="239"/>
      <c r="BS80" s="894"/>
      <c r="BT80" s="895"/>
      <c r="BU80" s="895"/>
      <c r="BV80" s="895"/>
      <c r="BW80" s="895"/>
      <c r="BX80" s="895"/>
      <c r="BY80" s="895"/>
      <c r="BZ80" s="895"/>
      <c r="CA80" s="895"/>
      <c r="CB80" s="895"/>
      <c r="CC80" s="895"/>
      <c r="CD80" s="895"/>
      <c r="CE80" s="895"/>
      <c r="CF80" s="895"/>
      <c r="CG80" s="900"/>
      <c r="CH80" s="897"/>
      <c r="CI80" s="898"/>
      <c r="CJ80" s="898"/>
      <c r="CK80" s="898"/>
      <c r="CL80" s="899"/>
      <c r="CM80" s="897"/>
      <c r="CN80" s="898"/>
      <c r="CO80" s="898"/>
      <c r="CP80" s="898"/>
      <c r="CQ80" s="899"/>
      <c r="CR80" s="897"/>
      <c r="CS80" s="898"/>
      <c r="CT80" s="898"/>
      <c r="CU80" s="898"/>
      <c r="CV80" s="899"/>
      <c r="CW80" s="897"/>
      <c r="CX80" s="898"/>
      <c r="CY80" s="898"/>
      <c r="CZ80" s="898"/>
      <c r="DA80" s="899"/>
      <c r="DB80" s="897"/>
      <c r="DC80" s="898"/>
      <c r="DD80" s="898"/>
      <c r="DE80" s="898"/>
      <c r="DF80" s="899"/>
      <c r="DG80" s="897"/>
      <c r="DH80" s="898"/>
      <c r="DI80" s="898"/>
      <c r="DJ80" s="898"/>
      <c r="DK80" s="899"/>
      <c r="DL80" s="897"/>
      <c r="DM80" s="898"/>
      <c r="DN80" s="898"/>
      <c r="DO80" s="898"/>
      <c r="DP80" s="899"/>
      <c r="DQ80" s="897"/>
      <c r="DR80" s="898"/>
      <c r="DS80" s="898"/>
      <c r="DT80" s="898"/>
      <c r="DU80" s="899"/>
      <c r="DV80" s="894"/>
      <c r="DW80" s="895"/>
      <c r="DX80" s="895"/>
      <c r="DY80" s="895"/>
      <c r="DZ80" s="896"/>
      <c r="EA80" s="226"/>
    </row>
    <row r="81" spans="1:131" ht="26.25" customHeight="1" x14ac:dyDescent="0.2">
      <c r="A81" s="234">
        <v>14</v>
      </c>
      <c r="B81" s="908"/>
      <c r="C81" s="909"/>
      <c r="D81" s="909"/>
      <c r="E81" s="909"/>
      <c r="F81" s="909"/>
      <c r="G81" s="909"/>
      <c r="H81" s="909"/>
      <c r="I81" s="909"/>
      <c r="J81" s="909"/>
      <c r="K81" s="909"/>
      <c r="L81" s="909"/>
      <c r="M81" s="909"/>
      <c r="N81" s="909"/>
      <c r="O81" s="909"/>
      <c r="P81" s="910"/>
      <c r="Q81" s="911"/>
      <c r="R81" s="865"/>
      <c r="S81" s="865"/>
      <c r="T81" s="865"/>
      <c r="U81" s="865"/>
      <c r="V81" s="865"/>
      <c r="W81" s="865"/>
      <c r="X81" s="865"/>
      <c r="Y81" s="865"/>
      <c r="Z81" s="865"/>
      <c r="AA81" s="865"/>
      <c r="AB81" s="865"/>
      <c r="AC81" s="865"/>
      <c r="AD81" s="865"/>
      <c r="AE81" s="865"/>
      <c r="AF81" s="865"/>
      <c r="AG81" s="865"/>
      <c r="AH81" s="865"/>
      <c r="AI81" s="865"/>
      <c r="AJ81" s="865"/>
      <c r="AK81" s="865"/>
      <c r="AL81" s="865"/>
      <c r="AM81" s="865"/>
      <c r="AN81" s="865"/>
      <c r="AO81" s="865"/>
      <c r="AP81" s="865"/>
      <c r="AQ81" s="865"/>
      <c r="AR81" s="865"/>
      <c r="AS81" s="865"/>
      <c r="AT81" s="865"/>
      <c r="AU81" s="865"/>
      <c r="AV81" s="865"/>
      <c r="AW81" s="865"/>
      <c r="AX81" s="865"/>
      <c r="AY81" s="865"/>
      <c r="AZ81" s="866"/>
      <c r="BA81" s="866"/>
      <c r="BB81" s="866"/>
      <c r="BC81" s="866"/>
      <c r="BD81" s="867"/>
      <c r="BE81" s="237"/>
      <c r="BF81" s="237"/>
      <c r="BG81" s="237"/>
      <c r="BH81" s="237"/>
      <c r="BI81" s="237"/>
      <c r="BJ81" s="237"/>
      <c r="BK81" s="237"/>
      <c r="BL81" s="237"/>
      <c r="BM81" s="237"/>
      <c r="BN81" s="237"/>
      <c r="BO81" s="237"/>
      <c r="BP81" s="237"/>
      <c r="BQ81" s="234">
        <v>75</v>
      </c>
      <c r="BR81" s="239"/>
      <c r="BS81" s="894"/>
      <c r="BT81" s="895"/>
      <c r="BU81" s="895"/>
      <c r="BV81" s="895"/>
      <c r="BW81" s="895"/>
      <c r="BX81" s="895"/>
      <c r="BY81" s="895"/>
      <c r="BZ81" s="895"/>
      <c r="CA81" s="895"/>
      <c r="CB81" s="895"/>
      <c r="CC81" s="895"/>
      <c r="CD81" s="895"/>
      <c r="CE81" s="895"/>
      <c r="CF81" s="895"/>
      <c r="CG81" s="900"/>
      <c r="CH81" s="897"/>
      <c r="CI81" s="898"/>
      <c r="CJ81" s="898"/>
      <c r="CK81" s="898"/>
      <c r="CL81" s="899"/>
      <c r="CM81" s="897"/>
      <c r="CN81" s="898"/>
      <c r="CO81" s="898"/>
      <c r="CP81" s="898"/>
      <c r="CQ81" s="899"/>
      <c r="CR81" s="897"/>
      <c r="CS81" s="898"/>
      <c r="CT81" s="898"/>
      <c r="CU81" s="898"/>
      <c r="CV81" s="899"/>
      <c r="CW81" s="897"/>
      <c r="CX81" s="898"/>
      <c r="CY81" s="898"/>
      <c r="CZ81" s="898"/>
      <c r="DA81" s="899"/>
      <c r="DB81" s="897"/>
      <c r="DC81" s="898"/>
      <c r="DD81" s="898"/>
      <c r="DE81" s="898"/>
      <c r="DF81" s="899"/>
      <c r="DG81" s="897"/>
      <c r="DH81" s="898"/>
      <c r="DI81" s="898"/>
      <c r="DJ81" s="898"/>
      <c r="DK81" s="899"/>
      <c r="DL81" s="897"/>
      <c r="DM81" s="898"/>
      <c r="DN81" s="898"/>
      <c r="DO81" s="898"/>
      <c r="DP81" s="899"/>
      <c r="DQ81" s="897"/>
      <c r="DR81" s="898"/>
      <c r="DS81" s="898"/>
      <c r="DT81" s="898"/>
      <c r="DU81" s="899"/>
      <c r="DV81" s="894"/>
      <c r="DW81" s="895"/>
      <c r="DX81" s="895"/>
      <c r="DY81" s="895"/>
      <c r="DZ81" s="896"/>
      <c r="EA81" s="226"/>
    </row>
    <row r="82" spans="1:131" ht="26.25" customHeight="1" x14ac:dyDescent="0.2">
      <c r="A82" s="234">
        <v>15</v>
      </c>
      <c r="B82" s="908"/>
      <c r="C82" s="909"/>
      <c r="D82" s="909"/>
      <c r="E82" s="909"/>
      <c r="F82" s="909"/>
      <c r="G82" s="909"/>
      <c r="H82" s="909"/>
      <c r="I82" s="909"/>
      <c r="J82" s="909"/>
      <c r="K82" s="909"/>
      <c r="L82" s="909"/>
      <c r="M82" s="909"/>
      <c r="N82" s="909"/>
      <c r="O82" s="909"/>
      <c r="P82" s="910"/>
      <c r="Q82" s="911"/>
      <c r="R82" s="865"/>
      <c r="S82" s="865"/>
      <c r="T82" s="865"/>
      <c r="U82" s="865"/>
      <c r="V82" s="865"/>
      <c r="W82" s="865"/>
      <c r="X82" s="865"/>
      <c r="Y82" s="865"/>
      <c r="Z82" s="865"/>
      <c r="AA82" s="865"/>
      <c r="AB82" s="865"/>
      <c r="AC82" s="865"/>
      <c r="AD82" s="865"/>
      <c r="AE82" s="865"/>
      <c r="AF82" s="865"/>
      <c r="AG82" s="865"/>
      <c r="AH82" s="865"/>
      <c r="AI82" s="865"/>
      <c r="AJ82" s="865"/>
      <c r="AK82" s="865"/>
      <c r="AL82" s="865"/>
      <c r="AM82" s="865"/>
      <c r="AN82" s="865"/>
      <c r="AO82" s="865"/>
      <c r="AP82" s="865"/>
      <c r="AQ82" s="865"/>
      <c r="AR82" s="865"/>
      <c r="AS82" s="865"/>
      <c r="AT82" s="865"/>
      <c r="AU82" s="865"/>
      <c r="AV82" s="865"/>
      <c r="AW82" s="865"/>
      <c r="AX82" s="865"/>
      <c r="AY82" s="865"/>
      <c r="AZ82" s="866"/>
      <c r="BA82" s="866"/>
      <c r="BB82" s="866"/>
      <c r="BC82" s="866"/>
      <c r="BD82" s="867"/>
      <c r="BE82" s="237"/>
      <c r="BF82" s="237"/>
      <c r="BG82" s="237"/>
      <c r="BH82" s="237"/>
      <c r="BI82" s="237"/>
      <c r="BJ82" s="237"/>
      <c r="BK82" s="237"/>
      <c r="BL82" s="237"/>
      <c r="BM82" s="237"/>
      <c r="BN82" s="237"/>
      <c r="BO82" s="237"/>
      <c r="BP82" s="237"/>
      <c r="BQ82" s="234">
        <v>76</v>
      </c>
      <c r="BR82" s="239"/>
      <c r="BS82" s="894"/>
      <c r="BT82" s="895"/>
      <c r="BU82" s="895"/>
      <c r="BV82" s="895"/>
      <c r="BW82" s="895"/>
      <c r="BX82" s="895"/>
      <c r="BY82" s="895"/>
      <c r="BZ82" s="895"/>
      <c r="CA82" s="895"/>
      <c r="CB82" s="895"/>
      <c r="CC82" s="895"/>
      <c r="CD82" s="895"/>
      <c r="CE82" s="895"/>
      <c r="CF82" s="895"/>
      <c r="CG82" s="900"/>
      <c r="CH82" s="897"/>
      <c r="CI82" s="898"/>
      <c r="CJ82" s="898"/>
      <c r="CK82" s="898"/>
      <c r="CL82" s="899"/>
      <c r="CM82" s="897"/>
      <c r="CN82" s="898"/>
      <c r="CO82" s="898"/>
      <c r="CP82" s="898"/>
      <c r="CQ82" s="899"/>
      <c r="CR82" s="897"/>
      <c r="CS82" s="898"/>
      <c r="CT82" s="898"/>
      <c r="CU82" s="898"/>
      <c r="CV82" s="899"/>
      <c r="CW82" s="897"/>
      <c r="CX82" s="898"/>
      <c r="CY82" s="898"/>
      <c r="CZ82" s="898"/>
      <c r="DA82" s="899"/>
      <c r="DB82" s="897"/>
      <c r="DC82" s="898"/>
      <c r="DD82" s="898"/>
      <c r="DE82" s="898"/>
      <c r="DF82" s="899"/>
      <c r="DG82" s="897"/>
      <c r="DH82" s="898"/>
      <c r="DI82" s="898"/>
      <c r="DJ82" s="898"/>
      <c r="DK82" s="899"/>
      <c r="DL82" s="897"/>
      <c r="DM82" s="898"/>
      <c r="DN82" s="898"/>
      <c r="DO82" s="898"/>
      <c r="DP82" s="899"/>
      <c r="DQ82" s="897"/>
      <c r="DR82" s="898"/>
      <c r="DS82" s="898"/>
      <c r="DT82" s="898"/>
      <c r="DU82" s="899"/>
      <c r="DV82" s="894"/>
      <c r="DW82" s="895"/>
      <c r="DX82" s="895"/>
      <c r="DY82" s="895"/>
      <c r="DZ82" s="896"/>
      <c r="EA82" s="226"/>
    </row>
    <row r="83" spans="1:131" ht="26.25" customHeight="1" x14ac:dyDescent="0.2">
      <c r="A83" s="234">
        <v>16</v>
      </c>
      <c r="B83" s="908"/>
      <c r="C83" s="909"/>
      <c r="D83" s="909"/>
      <c r="E83" s="909"/>
      <c r="F83" s="909"/>
      <c r="G83" s="909"/>
      <c r="H83" s="909"/>
      <c r="I83" s="909"/>
      <c r="J83" s="909"/>
      <c r="K83" s="909"/>
      <c r="L83" s="909"/>
      <c r="M83" s="909"/>
      <c r="N83" s="909"/>
      <c r="O83" s="909"/>
      <c r="P83" s="910"/>
      <c r="Q83" s="911"/>
      <c r="R83" s="865"/>
      <c r="S83" s="865"/>
      <c r="T83" s="865"/>
      <c r="U83" s="865"/>
      <c r="V83" s="865"/>
      <c r="W83" s="865"/>
      <c r="X83" s="865"/>
      <c r="Y83" s="865"/>
      <c r="Z83" s="865"/>
      <c r="AA83" s="865"/>
      <c r="AB83" s="865"/>
      <c r="AC83" s="865"/>
      <c r="AD83" s="865"/>
      <c r="AE83" s="865"/>
      <c r="AF83" s="865"/>
      <c r="AG83" s="865"/>
      <c r="AH83" s="865"/>
      <c r="AI83" s="865"/>
      <c r="AJ83" s="865"/>
      <c r="AK83" s="865"/>
      <c r="AL83" s="865"/>
      <c r="AM83" s="865"/>
      <c r="AN83" s="865"/>
      <c r="AO83" s="865"/>
      <c r="AP83" s="865"/>
      <c r="AQ83" s="865"/>
      <c r="AR83" s="865"/>
      <c r="AS83" s="865"/>
      <c r="AT83" s="865"/>
      <c r="AU83" s="865"/>
      <c r="AV83" s="865"/>
      <c r="AW83" s="865"/>
      <c r="AX83" s="865"/>
      <c r="AY83" s="865"/>
      <c r="AZ83" s="866"/>
      <c r="BA83" s="866"/>
      <c r="BB83" s="866"/>
      <c r="BC83" s="866"/>
      <c r="BD83" s="867"/>
      <c r="BE83" s="237"/>
      <c r="BF83" s="237"/>
      <c r="BG83" s="237"/>
      <c r="BH83" s="237"/>
      <c r="BI83" s="237"/>
      <c r="BJ83" s="237"/>
      <c r="BK83" s="237"/>
      <c r="BL83" s="237"/>
      <c r="BM83" s="237"/>
      <c r="BN83" s="237"/>
      <c r="BO83" s="237"/>
      <c r="BP83" s="237"/>
      <c r="BQ83" s="234">
        <v>77</v>
      </c>
      <c r="BR83" s="239"/>
      <c r="BS83" s="894"/>
      <c r="BT83" s="895"/>
      <c r="BU83" s="895"/>
      <c r="BV83" s="895"/>
      <c r="BW83" s="895"/>
      <c r="BX83" s="895"/>
      <c r="BY83" s="895"/>
      <c r="BZ83" s="895"/>
      <c r="CA83" s="895"/>
      <c r="CB83" s="895"/>
      <c r="CC83" s="895"/>
      <c r="CD83" s="895"/>
      <c r="CE83" s="895"/>
      <c r="CF83" s="895"/>
      <c r="CG83" s="900"/>
      <c r="CH83" s="897"/>
      <c r="CI83" s="898"/>
      <c r="CJ83" s="898"/>
      <c r="CK83" s="898"/>
      <c r="CL83" s="899"/>
      <c r="CM83" s="897"/>
      <c r="CN83" s="898"/>
      <c r="CO83" s="898"/>
      <c r="CP83" s="898"/>
      <c r="CQ83" s="899"/>
      <c r="CR83" s="897"/>
      <c r="CS83" s="898"/>
      <c r="CT83" s="898"/>
      <c r="CU83" s="898"/>
      <c r="CV83" s="899"/>
      <c r="CW83" s="897"/>
      <c r="CX83" s="898"/>
      <c r="CY83" s="898"/>
      <c r="CZ83" s="898"/>
      <c r="DA83" s="899"/>
      <c r="DB83" s="897"/>
      <c r="DC83" s="898"/>
      <c r="DD83" s="898"/>
      <c r="DE83" s="898"/>
      <c r="DF83" s="899"/>
      <c r="DG83" s="897"/>
      <c r="DH83" s="898"/>
      <c r="DI83" s="898"/>
      <c r="DJ83" s="898"/>
      <c r="DK83" s="899"/>
      <c r="DL83" s="897"/>
      <c r="DM83" s="898"/>
      <c r="DN83" s="898"/>
      <c r="DO83" s="898"/>
      <c r="DP83" s="899"/>
      <c r="DQ83" s="897"/>
      <c r="DR83" s="898"/>
      <c r="DS83" s="898"/>
      <c r="DT83" s="898"/>
      <c r="DU83" s="899"/>
      <c r="DV83" s="894"/>
      <c r="DW83" s="895"/>
      <c r="DX83" s="895"/>
      <c r="DY83" s="895"/>
      <c r="DZ83" s="896"/>
      <c r="EA83" s="226"/>
    </row>
    <row r="84" spans="1:131" ht="26.25" customHeight="1" x14ac:dyDescent="0.2">
      <c r="A84" s="234">
        <v>17</v>
      </c>
      <c r="B84" s="908"/>
      <c r="C84" s="909"/>
      <c r="D84" s="909"/>
      <c r="E84" s="909"/>
      <c r="F84" s="909"/>
      <c r="G84" s="909"/>
      <c r="H84" s="909"/>
      <c r="I84" s="909"/>
      <c r="J84" s="909"/>
      <c r="K84" s="909"/>
      <c r="L84" s="909"/>
      <c r="M84" s="909"/>
      <c r="N84" s="909"/>
      <c r="O84" s="909"/>
      <c r="P84" s="910"/>
      <c r="Q84" s="911"/>
      <c r="R84" s="865"/>
      <c r="S84" s="865"/>
      <c r="T84" s="865"/>
      <c r="U84" s="865"/>
      <c r="V84" s="865"/>
      <c r="W84" s="865"/>
      <c r="X84" s="865"/>
      <c r="Y84" s="865"/>
      <c r="Z84" s="865"/>
      <c r="AA84" s="865"/>
      <c r="AB84" s="865"/>
      <c r="AC84" s="865"/>
      <c r="AD84" s="865"/>
      <c r="AE84" s="865"/>
      <c r="AF84" s="865"/>
      <c r="AG84" s="865"/>
      <c r="AH84" s="865"/>
      <c r="AI84" s="865"/>
      <c r="AJ84" s="865"/>
      <c r="AK84" s="865"/>
      <c r="AL84" s="865"/>
      <c r="AM84" s="865"/>
      <c r="AN84" s="865"/>
      <c r="AO84" s="865"/>
      <c r="AP84" s="865"/>
      <c r="AQ84" s="865"/>
      <c r="AR84" s="865"/>
      <c r="AS84" s="865"/>
      <c r="AT84" s="865"/>
      <c r="AU84" s="865"/>
      <c r="AV84" s="865"/>
      <c r="AW84" s="865"/>
      <c r="AX84" s="865"/>
      <c r="AY84" s="865"/>
      <c r="AZ84" s="866"/>
      <c r="BA84" s="866"/>
      <c r="BB84" s="866"/>
      <c r="BC84" s="866"/>
      <c r="BD84" s="867"/>
      <c r="BE84" s="237"/>
      <c r="BF84" s="237"/>
      <c r="BG84" s="237"/>
      <c r="BH84" s="237"/>
      <c r="BI84" s="237"/>
      <c r="BJ84" s="237"/>
      <c r="BK84" s="237"/>
      <c r="BL84" s="237"/>
      <c r="BM84" s="237"/>
      <c r="BN84" s="237"/>
      <c r="BO84" s="237"/>
      <c r="BP84" s="237"/>
      <c r="BQ84" s="234">
        <v>78</v>
      </c>
      <c r="BR84" s="239"/>
      <c r="BS84" s="894"/>
      <c r="BT84" s="895"/>
      <c r="BU84" s="895"/>
      <c r="BV84" s="895"/>
      <c r="BW84" s="895"/>
      <c r="BX84" s="895"/>
      <c r="BY84" s="895"/>
      <c r="BZ84" s="895"/>
      <c r="CA84" s="895"/>
      <c r="CB84" s="895"/>
      <c r="CC84" s="895"/>
      <c r="CD84" s="895"/>
      <c r="CE84" s="895"/>
      <c r="CF84" s="895"/>
      <c r="CG84" s="900"/>
      <c r="CH84" s="897"/>
      <c r="CI84" s="898"/>
      <c r="CJ84" s="898"/>
      <c r="CK84" s="898"/>
      <c r="CL84" s="899"/>
      <c r="CM84" s="897"/>
      <c r="CN84" s="898"/>
      <c r="CO84" s="898"/>
      <c r="CP84" s="898"/>
      <c r="CQ84" s="899"/>
      <c r="CR84" s="897"/>
      <c r="CS84" s="898"/>
      <c r="CT84" s="898"/>
      <c r="CU84" s="898"/>
      <c r="CV84" s="899"/>
      <c r="CW84" s="897"/>
      <c r="CX84" s="898"/>
      <c r="CY84" s="898"/>
      <c r="CZ84" s="898"/>
      <c r="DA84" s="899"/>
      <c r="DB84" s="897"/>
      <c r="DC84" s="898"/>
      <c r="DD84" s="898"/>
      <c r="DE84" s="898"/>
      <c r="DF84" s="899"/>
      <c r="DG84" s="897"/>
      <c r="DH84" s="898"/>
      <c r="DI84" s="898"/>
      <c r="DJ84" s="898"/>
      <c r="DK84" s="899"/>
      <c r="DL84" s="897"/>
      <c r="DM84" s="898"/>
      <c r="DN84" s="898"/>
      <c r="DO84" s="898"/>
      <c r="DP84" s="899"/>
      <c r="DQ84" s="897"/>
      <c r="DR84" s="898"/>
      <c r="DS84" s="898"/>
      <c r="DT84" s="898"/>
      <c r="DU84" s="899"/>
      <c r="DV84" s="894"/>
      <c r="DW84" s="895"/>
      <c r="DX84" s="895"/>
      <c r="DY84" s="895"/>
      <c r="DZ84" s="896"/>
      <c r="EA84" s="226"/>
    </row>
    <row r="85" spans="1:131" ht="26.25" customHeight="1" x14ac:dyDescent="0.2">
      <c r="A85" s="234">
        <v>18</v>
      </c>
      <c r="B85" s="908"/>
      <c r="C85" s="909"/>
      <c r="D85" s="909"/>
      <c r="E85" s="909"/>
      <c r="F85" s="909"/>
      <c r="G85" s="909"/>
      <c r="H85" s="909"/>
      <c r="I85" s="909"/>
      <c r="J85" s="909"/>
      <c r="K85" s="909"/>
      <c r="L85" s="909"/>
      <c r="M85" s="909"/>
      <c r="N85" s="909"/>
      <c r="O85" s="909"/>
      <c r="P85" s="910"/>
      <c r="Q85" s="911"/>
      <c r="R85" s="865"/>
      <c r="S85" s="865"/>
      <c r="T85" s="865"/>
      <c r="U85" s="865"/>
      <c r="V85" s="865"/>
      <c r="W85" s="865"/>
      <c r="X85" s="865"/>
      <c r="Y85" s="865"/>
      <c r="Z85" s="865"/>
      <c r="AA85" s="865"/>
      <c r="AB85" s="865"/>
      <c r="AC85" s="865"/>
      <c r="AD85" s="865"/>
      <c r="AE85" s="865"/>
      <c r="AF85" s="865"/>
      <c r="AG85" s="865"/>
      <c r="AH85" s="865"/>
      <c r="AI85" s="865"/>
      <c r="AJ85" s="865"/>
      <c r="AK85" s="865"/>
      <c r="AL85" s="865"/>
      <c r="AM85" s="865"/>
      <c r="AN85" s="865"/>
      <c r="AO85" s="865"/>
      <c r="AP85" s="865"/>
      <c r="AQ85" s="865"/>
      <c r="AR85" s="865"/>
      <c r="AS85" s="865"/>
      <c r="AT85" s="865"/>
      <c r="AU85" s="865"/>
      <c r="AV85" s="865"/>
      <c r="AW85" s="865"/>
      <c r="AX85" s="865"/>
      <c r="AY85" s="865"/>
      <c r="AZ85" s="866"/>
      <c r="BA85" s="866"/>
      <c r="BB85" s="866"/>
      <c r="BC85" s="866"/>
      <c r="BD85" s="867"/>
      <c r="BE85" s="237"/>
      <c r="BF85" s="237"/>
      <c r="BG85" s="237"/>
      <c r="BH85" s="237"/>
      <c r="BI85" s="237"/>
      <c r="BJ85" s="237"/>
      <c r="BK85" s="237"/>
      <c r="BL85" s="237"/>
      <c r="BM85" s="237"/>
      <c r="BN85" s="237"/>
      <c r="BO85" s="237"/>
      <c r="BP85" s="237"/>
      <c r="BQ85" s="234">
        <v>79</v>
      </c>
      <c r="BR85" s="239"/>
      <c r="BS85" s="894"/>
      <c r="BT85" s="895"/>
      <c r="BU85" s="895"/>
      <c r="BV85" s="895"/>
      <c r="BW85" s="895"/>
      <c r="BX85" s="895"/>
      <c r="BY85" s="895"/>
      <c r="BZ85" s="895"/>
      <c r="CA85" s="895"/>
      <c r="CB85" s="895"/>
      <c r="CC85" s="895"/>
      <c r="CD85" s="895"/>
      <c r="CE85" s="895"/>
      <c r="CF85" s="895"/>
      <c r="CG85" s="900"/>
      <c r="CH85" s="897"/>
      <c r="CI85" s="898"/>
      <c r="CJ85" s="898"/>
      <c r="CK85" s="898"/>
      <c r="CL85" s="899"/>
      <c r="CM85" s="897"/>
      <c r="CN85" s="898"/>
      <c r="CO85" s="898"/>
      <c r="CP85" s="898"/>
      <c r="CQ85" s="899"/>
      <c r="CR85" s="897"/>
      <c r="CS85" s="898"/>
      <c r="CT85" s="898"/>
      <c r="CU85" s="898"/>
      <c r="CV85" s="899"/>
      <c r="CW85" s="897"/>
      <c r="CX85" s="898"/>
      <c r="CY85" s="898"/>
      <c r="CZ85" s="898"/>
      <c r="DA85" s="899"/>
      <c r="DB85" s="897"/>
      <c r="DC85" s="898"/>
      <c r="DD85" s="898"/>
      <c r="DE85" s="898"/>
      <c r="DF85" s="899"/>
      <c r="DG85" s="897"/>
      <c r="DH85" s="898"/>
      <c r="DI85" s="898"/>
      <c r="DJ85" s="898"/>
      <c r="DK85" s="899"/>
      <c r="DL85" s="897"/>
      <c r="DM85" s="898"/>
      <c r="DN85" s="898"/>
      <c r="DO85" s="898"/>
      <c r="DP85" s="899"/>
      <c r="DQ85" s="897"/>
      <c r="DR85" s="898"/>
      <c r="DS85" s="898"/>
      <c r="DT85" s="898"/>
      <c r="DU85" s="899"/>
      <c r="DV85" s="894"/>
      <c r="DW85" s="895"/>
      <c r="DX85" s="895"/>
      <c r="DY85" s="895"/>
      <c r="DZ85" s="896"/>
      <c r="EA85" s="226"/>
    </row>
    <row r="86" spans="1:131" ht="26.25" customHeight="1" x14ac:dyDescent="0.2">
      <c r="A86" s="234">
        <v>19</v>
      </c>
      <c r="B86" s="908"/>
      <c r="C86" s="909"/>
      <c r="D86" s="909"/>
      <c r="E86" s="909"/>
      <c r="F86" s="909"/>
      <c r="G86" s="909"/>
      <c r="H86" s="909"/>
      <c r="I86" s="909"/>
      <c r="J86" s="909"/>
      <c r="K86" s="909"/>
      <c r="L86" s="909"/>
      <c r="M86" s="909"/>
      <c r="N86" s="909"/>
      <c r="O86" s="909"/>
      <c r="P86" s="910"/>
      <c r="Q86" s="911"/>
      <c r="R86" s="865"/>
      <c r="S86" s="865"/>
      <c r="T86" s="865"/>
      <c r="U86" s="865"/>
      <c r="V86" s="865"/>
      <c r="W86" s="865"/>
      <c r="X86" s="865"/>
      <c r="Y86" s="865"/>
      <c r="Z86" s="865"/>
      <c r="AA86" s="865"/>
      <c r="AB86" s="865"/>
      <c r="AC86" s="865"/>
      <c r="AD86" s="865"/>
      <c r="AE86" s="865"/>
      <c r="AF86" s="865"/>
      <c r="AG86" s="865"/>
      <c r="AH86" s="865"/>
      <c r="AI86" s="865"/>
      <c r="AJ86" s="865"/>
      <c r="AK86" s="865"/>
      <c r="AL86" s="865"/>
      <c r="AM86" s="865"/>
      <c r="AN86" s="865"/>
      <c r="AO86" s="865"/>
      <c r="AP86" s="865"/>
      <c r="AQ86" s="865"/>
      <c r="AR86" s="865"/>
      <c r="AS86" s="865"/>
      <c r="AT86" s="865"/>
      <c r="AU86" s="865"/>
      <c r="AV86" s="865"/>
      <c r="AW86" s="865"/>
      <c r="AX86" s="865"/>
      <c r="AY86" s="865"/>
      <c r="AZ86" s="866"/>
      <c r="BA86" s="866"/>
      <c r="BB86" s="866"/>
      <c r="BC86" s="866"/>
      <c r="BD86" s="867"/>
      <c r="BE86" s="237"/>
      <c r="BF86" s="237"/>
      <c r="BG86" s="237"/>
      <c r="BH86" s="237"/>
      <c r="BI86" s="237"/>
      <c r="BJ86" s="237"/>
      <c r="BK86" s="237"/>
      <c r="BL86" s="237"/>
      <c r="BM86" s="237"/>
      <c r="BN86" s="237"/>
      <c r="BO86" s="237"/>
      <c r="BP86" s="237"/>
      <c r="BQ86" s="234">
        <v>80</v>
      </c>
      <c r="BR86" s="239"/>
      <c r="BS86" s="894"/>
      <c r="BT86" s="895"/>
      <c r="BU86" s="895"/>
      <c r="BV86" s="895"/>
      <c r="BW86" s="895"/>
      <c r="BX86" s="895"/>
      <c r="BY86" s="895"/>
      <c r="BZ86" s="895"/>
      <c r="CA86" s="895"/>
      <c r="CB86" s="895"/>
      <c r="CC86" s="895"/>
      <c r="CD86" s="895"/>
      <c r="CE86" s="895"/>
      <c r="CF86" s="895"/>
      <c r="CG86" s="900"/>
      <c r="CH86" s="897"/>
      <c r="CI86" s="898"/>
      <c r="CJ86" s="898"/>
      <c r="CK86" s="898"/>
      <c r="CL86" s="899"/>
      <c r="CM86" s="897"/>
      <c r="CN86" s="898"/>
      <c r="CO86" s="898"/>
      <c r="CP86" s="898"/>
      <c r="CQ86" s="899"/>
      <c r="CR86" s="897"/>
      <c r="CS86" s="898"/>
      <c r="CT86" s="898"/>
      <c r="CU86" s="898"/>
      <c r="CV86" s="899"/>
      <c r="CW86" s="897"/>
      <c r="CX86" s="898"/>
      <c r="CY86" s="898"/>
      <c r="CZ86" s="898"/>
      <c r="DA86" s="899"/>
      <c r="DB86" s="897"/>
      <c r="DC86" s="898"/>
      <c r="DD86" s="898"/>
      <c r="DE86" s="898"/>
      <c r="DF86" s="899"/>
      <c r="DG86" s="897"/>
      <c r="DH86" s="898"/>
      <c r="DI86" s="898"/>
      <c r="DJ86" s="898"/>
      <c r="DK86" s="899"/>
      <c r="DL86" s="897"/>
      <c r="DM86" s="898"/>
      <c r="DN86" s="898"/>
      <c r="DO86" s="898"/>
      <c r="DP86" s="899"/>
      <c r="DQ86" s="897"/>
      <c r="DR86" s="898"/>
      <c r="DS86" s="898"/>
      <c r="DT86" s="898"/>
      <c r="DU86" s="899"/>
      <c r="DV86" s="894"/>
      <c r="DW86" s="895"/>
      <c r="DX86" s="895"/>
      <c r="DY86" s="895"/>
      <c r="DZ86" s="896"/>
      <c r="EA86" s="226"/>
    </row>
    <row r="87" spans="1:131" ht="26.25" customHeight="1" x14ac:dyDescent="0.2">
      <c r="A87" s="240">
        <v>20</v>
      </c>
      <c r="B87" s="915"/>
      <c r="C87" s="916"/>
      <c r="D87" s="916"/>
      <c r="E87" s="916"/>
      <c r="F87" s="916"/>
      <c r="G87" s="916"/>
      <c r="H87" s="916"/>
      <c r="I87" s="916"/>
      <c r="J87" s="916"/>
      <c r="K87" s="916"/>
      <c r="L87" s="916"/>
      <c r="M87" s="916"/>
      <c r="N87" s="916"/>
      <c r="O87" s="916"/>
      <c r="P87" s="917"/>
      <c r="Q87" s="918"/>
      <c r="R87" s="919"/>
      <c r="S87" s="919"/>
      <c r="T87" s="919"/>
      <c r="U87" s="919"/>
      <c r="V87" s="919"/>
      <c r="W87" s="919"/>
      <c r="X87" s="919"/>
      <c r="Y87" s="919"/>
      <c r="Z87" s="919"/>
      <c r="AA87" s="919"/>
      <c r="AB87" s="919"/>
      <c r="AC87" s="919"/>
      <c r="AD87" s="919"/>
      <c r="AE87" s="919"/>
      <c r="AF87" s="919"/>
      <c r="AG87" s="919"/>
      <c r="AH87" s="919"/>
      <c r="AI87" s="919"/>
      <c r="AJ87" s="919"/>
      <c r="AK87" s="919"/>
      <c r="AL87" s="919"/>
      <c r="AM87" s="919"/>
      <c r="AN87" s="919"/>
      <c r="AO87" s="919"/>
      <c r="AP87" s="919"/>
      <c r="AQ87" s="919"/>
      <c r="AR87" s="919"/>
      <c r="AS87" s="919"/>
      <c r="AT87" s="919"/>
      <c r="AU87" s="919"/>
      <c r="AV87" s="919"/>
      <c r="AW87" s="919"/>
      <c r="AX87" s="919"/>
      <c r="AY87" s="919"/>
      <c r="AZ87" s="920"/>
      <c r="BA87" s="920"/>
      <c r="BB87" s="920"/>
      <c r="BC87" s="920"/>
      <c r="BD87" s="921"/>
      <c r="BE87" s="237"/>
      <c r="BF87" s="237"/>
      <c r="BG87" s="237"/>
      <c r="BH87" s="237"/>
      <c r="BI87" s="237"/>
      <c r="BJ87" s="237"/>
      <c r="BK87" s="237"/>
      <c r="BL87" s="237"/>
      <c r="BM87" s="237"/>
      <c r="BN87" s="237"/>
      <c r="BO87" s="237"/>
      <c r="BP87" s="237"/>
      <c r="BQ87" s="234">
        <v>81</v>
      </c>
      <c r="BR87" s="239"/>
      <c r="BS87" s="894"/>
      <c r="BT87" s="895"/>
      <c r="BU87" s="895"/>
      <c r="BV87" s="895"/>
      <c r="BW87" s="895"/>
      <c r="BX87" s="895"/>
      <c r="BY87" s="895"/>
      <c r="BZ87" s="895"/>
      <c r="CA87" s="895"/>
      <c r="CB87" s="895"/>
      <c r="CC87" s="895"/>
      <c r="CD87" s="895"/>
      <c r="CE87" s="895"/>
      <c r="CF87" s="895"/>
      <c r="CG87" s="900"/>
      <c r="CH87" s="897"/>
      <c r="CI87" s="898"/>
      <c r="CJ87" s="898"/>
      <c r="CK87" s="898"/>
      <c r="CL87" s="899"/>
      <c r="CM87" s="897"/>
      <c r="CN87" s="898"/>
      <c r="CO87" s="898"/>
      <c r="CP87" s="898"/>
      <c r="CQ87" s="899"/>
      <c r="CR87" s="897"/>
      <c r="CS87" s="898"/>
      <c r="CT87" s="898"/>
      <c r="CU87" s="898"/>
      <c r="CV87" s="899"/>
      <c r="CW87" s="897"/>
      <c r="CX87" s="898"/>
      <c r="CY87" s="898"/>
      <c r="CZ87" s="898"/>
      <c r="DA87" s="899"/>
      <c r="DB87" s="897"/>
      <c r="DC87" s="898"/>
      <c r="DD87" s="898"/>
      <c r="DE87" s="898"/>
      <c r="DF87" s="899"/>
      <c r="DG87" s="897"/>
      <c r="DH87" s="898"/>
      <c r="DI87" s="898"/>
      <c r="DJ87" s="898"/>
      <c r="DK87" s="899"/>
      <c r="DL87" s="897"/>
      <c r="DM87" s="898"/>
      <c r="DN87" s="898"/>
      <c r="DO87" s="898"/>
      <c r="DP87" s="899"/>
      <c r="DQ87" s="897"/>
      <c r="DR87" s="898"/>
      <c r="DS87" s="898"/>
      <c r="DT87" s="898"/>
      <c r="DU87" s="899"/>
      <c r="DV87" s="894"/>
      <c r="DW87" s="895"/>
      <c r="DX87" s="895"/>
      <c r="DY87" s="895"/>
      <c r="DZ87" s="896"/>
      <c r="EA87" s="226"/>
    </row>
    <row r="88" spans="1:131" ht="26.25" customHeight="1" thickBot="1" x14ac:dyDescent="0.25">
      <c r="A88" s="236" t="s">
        <v>396</v>
      </c>
      <c r="B88" s="825" t="s">
        <v>423</v>
      </c>
      <c r="C88" s="826"/>
      <c r="D88" s="826"/>
      <c r="E88" s="826"/>
      <c r="F88" s="826"/>
      <c r="G88" s="826"/>
      <c r="H88" s="826"/>
      <c r="I88" s="826"/>
      <c r="J88" s="826"/>
      <c r="K88" s="826"/>
      <c r="L88" s="826"/>
      <c r="M88" s="826"/>
      <c r="N88" s="826"/>
      <c r="O88" s="826"/>
      <c r="P88" s="827"/>
      <c r="Q88" s="875"/>
      <c r="R88" s="876"/>
      <c r="S88" s="876"/>
      <c r="T88" s="876"/>
      <c r="U88" s="876"/>
      <c r="V88" s="876"/>
      <c r="W88" s="876"/>
      <c r="X88" s="876"/>
      <c r="Y88" s="876"/>
      <c r="Z88" s="876"/>
      <c r="AA88" s="876"/>
      <c r="AB88" s="876"/>
      <c r="AC88" s="876"/>
      <c r="AD88" s="876"/>
      <c r="AE88" s="876"/>
      <c r="AF88" s="879">
        <v>11594</v>
      </c>
      <c r="AG88" s="879"/>
      <c r="AH88" s="879"/>
      <c r="AI88" s="879"/>
      <c r="AJ88" s="879"/>
      <c r="AK88" s="876"/>
      <c r="AL88" s="876"/>
      <c r="AM88" s="876"/>
      <c r="AN88" s="876"/>
      <c r="AO88" s="876"/>
      <c r="AP88" s="879" t="s">
        <v>588</v>
      </c>
      <c r="AQ88" s="879"/>
      <c r="AR88" s="879"/>
      <c r="AS88" s="879"/>
      <c r="AT88" s="879"/>
      <c r="AU88" s="879" t="s">
        <v>588</v>
      </c>
      <c r="AV88" s="879"/>
      <c r="AW88" s="879"/>
      <c r="AX88" s="879"/>
      <c r="AY88" s="879"/>
      <c r="AZ88" s="884"/>
      <c r="BA88" s="884"/>
      <c r="BB88" s="884"/>
      <c r="BC88" s="884"/>
      <c r="BD88" s="885"/>
      <c r="BE88" s="237"/>
      <c r="BF88" s="237"/>
      <c r="BG88" s="237"/>
      <c r="BH88" s="237"/>
      <c r="BI88" s="237"/>
      <c r="BJ88" s="237"/>
      <c r="BK88" s="237"/>
      <c r="BL88" s="237"/>
      <c r="BM88" s="237"/>
      <c r="BN88" s="237"/>
      <c r="BO88" s="237"/>
      <c r="BP88" s="237"/>
      <c r="BQ88" s="234">
        <v>82</v>
      </c>
      <c r="BR88" s="239"/>
      <c r="BS88" s="894"/>
      <c r="BT88" s="895"/>
      <c r="BU88" s="895"/>
      <c r="BV88" s="895"/>
      <c r="BW88" s="895"/>
      <c r="BX88" s="895"/>
      <c r="BY88" s="895"/>
      <c r="BZ88" s="895"/>
      <c r="CA88" s="895"/>
      <c r="CB88" s="895"/>
      <c r="CC88" s="895"/>
      <c r="CD88" s="895"/>
      <c r="CE88" s="895"/>
      <c r="CF88" s="895"/>
      <c r="CG88" s="900"/>
      <c r="CH88" s="897"/>
      <c r="CI88" s="898"/>
      <c r="CJ88" s="898"/>
      <c r="CK88" s="898"/>
      <c r="CL88" s="899"/>
      <c r="CM88" s="897"/>
      <c r="CN88" s="898"/>
      <c r="CO88" s="898"/>
      <c r="CP88" s="898"/>
      <c r="CQ88" s="899"/>
      <c r="CR88" s="897"/>
      <c r="CS88" s="898"/>
      <c r="CT88" s="898"/>
      <c r="CU88" s="898"/>
      <c r="CV88" s="899"/>
      <c r="CW88" s="897"/>
      <c r="CX88" s="898"/>
      <c r="CY88" s="898"/>
      <c r="CZ88" s="898"/>
      <c r="DA88" s="899"/>
      <c r="DB88" s="897"/>
      <c r="DC88" s="898"/>
      <c r="DD88" s="898"/>
      <c r="DE88" s="898"/>
      <c r="DF88" s="899"/>
      <c r="DG88" s="897"/>
      <c r="DH88" s="898"/>
      <c r="DI88" s="898"/>
      <c r="DJ88" s="898"/>
      <c r="DK88" s="899"/>
      <c r="DL88" s="897"/>
      <c r="DM88" s="898"/>
      <c r="DN88" s="898"/>
      <c r="DO88" s="898"/>
      <c r="DP88" s="899"/>
      <c r="DQ88" s="897"/>
      <c r="DR88" s="898"/>
      <c r="DS88" s="898"/>
      <c r="DT88" s="898"/>
      <c r="DU88" s="899"/>
      <c r="DV88" s="894"/>
      <c r="DW88" s="895"/>
      <c r="DX88" s="895"/>
      <c r="DY88" s="895"/>
      <c r="DZ88" s="89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894"/>
      <c r="BT89" s="895"/>
      <c r="BU89" s="895"/>
      <c r="BV89" s="895"/>
      <c r="BW89" s="895"/>
      <c r="BX89" s="895"/>
      <c r="BY89" s="895"/>
      <c r="BZ89" s="895"/>
      <c r="CA89" s="895"/>
      <c r="CB89" s="895"/>
      <c r="CC89" s="895"/>
      <c r="CD89" s="895"/>
      <c r="CE89" s="895"/>
      <c r="CF89" s="895"/>
      <c r="CG89" s="900"/>
      <c r="CH89" s="897"/>
      <c r="CI89" s="898"/>
      <c r="CJ89" s="898"/>
      <c r="CK89" s="898"/>
      <c r="CL89" s="899"/>
      <c r="CM89" s="897"/>
      <c r="CN89" s="898"/>
      <c r="CO89" s="898"/>
      <c r="CP89" s="898"/>
      <c r="CQ89" s="899"/>
      <c r="CR89" s="897"/>
      <c r="CS89" s="898"/>
      <c r="CT89" s="898"/>
      <c r="CU89" s="898"/>
      <c r="CV89" s="899"/>
      <c r="CW89" s="897"/>
      <c r="CX89" s="898"/>
      <c r="CY89" s="898"/>
      <c r="CZ89" s="898"/>
      <c r="DA89" s="899"/>
      <c r="DB89" s="897"/>
      <c r="DC89" s="898"/>
      <c r="DD89" s="898"/>
      <c r="DE89" s="898"/>
      <c r="DF89" s="899"/>
      <c r="DG89" s="897"/>
      <c r="DH89" s="898"/>
      <c r="DI89" s="898"/>
      <c r="DJ89" s="898"/>
      <c r="DK89" s="899"/>
      <c r="DL89" s="897"/>
      <c r="DM89" s="898"/>
      <c r="DN89" s="898"/>
      <c r="DO89" s="898"/>
      <c r="DP89" s="899"/>
      <c r="DQ89" s="897"/>
      <c r="DR89" s="898"/>
      <c r="DS89" s="898"/>
      <c r="DT89" s="898"/>
      <c r="DU89" s="899"/>
      <c r="DV89" s="894"/>
      <c r="DW89" s="895"/>
      <c r="DX89" s="895"/>
      <c r="DY89" s="895"/>
      <c r="DZ89" s="89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894"/>
      <c r="BT90" s="895"/>
      <c r="BU90" s="895"/>
      <c r="BV90" s="895"/>
      <c r="BW90" s="895"/>
      <c r="BX90" s="895"/>
      <c r="BY90" s="895"/>
      <c r="BZ90" s="895"/>
      <c r="CA90" s="895"/>
      <c r="CB90" s="895"/>
      <c r="CC90" s="895"/>
      <c r="CD90" s="895"/>
      <c r="CE90" s="895"/>
      <c r="CF90" s="895"/>
      <c r="CG90" s="900"/>
      <c r="CH90" s="897"/>
      <c r="CI90" s="898"/>
      <c r="CJ90" s="898"/>
      <c r="CK90" s="898"/>
      <c r="CL90" s="899"/>
      <c r="CM90" s="897"/>
      <c r="CN90" s="898"/>
      <c r="CO90" s="898"/>
      <c r="CP90" s="898"/>
      <c r="CQ90" s="899"/>
      <c r="CR90" s="897"/>
      <c r="CS90" s="898"/>
      <c r="CT90" s="898"/>
      <c r="CU90" s="898"/>
      <c r="CV90" s="899"/>
      <c r="CW90" s="897"/>
      <c r="CX90" s="898"/>
      <c r="CY90" s="898"/>
      <c r="CZ90" s="898"/>
      <c r="DA90" s="899"/>
      <c r="DB90" s="897"/>
      <c r="DC90" s="898"/>
      <c r="DD90" s="898"/>
      <c r="DE90" s="898"/>
      <c r="DF90" s="899"/>
      <c r="DG90" s="897"/>
      <c r="DH90" s="898"/>
      <c r="DI90" s="898"/>
      <c r="DJ90" s="898"/>
      <c r="DK90" s="899"/>
      <c r="DL90" s="897"/>
      <c r="DM90" s="898"/>
      <c r="DN90" s="898"/>
      <c r="DO90" s="898"/>
      <c r="DP90" s="899"/>
      <c r="DQ90" s="897"/>
      <c r="DR90" s="898"/>
      <c r="DS90" s="898"/>
      <c r="DT90" s="898"/>
      <c r="DU90" s="899"/>
      <c r="DV90" s="894"/>
      <c r="DW90" s="895"/>
      <c r="DX90" s="895"/>
      <c r="DY90" s="895"/>
      <c r="DZ90" s="89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894"/>
      <c r="BT91" s="895"/>
      <c r="BU91" s="895"/>
      <c r="BV91" s="895"/>
      <c r="BW91" s="895"/>
      <c r="BX91" s="895"/>
      <c r="BY91" s="895"/>
      <c r="BZ91" s="895"/>
      <c r="CA91" s="895"/>
      <c r="CB91" s="895"/>
      <c r="CC91" s="895"/>
      <c r="CD91" s="895"/>
      <c r="CE91" s="895"/>
      <c r="CF91" s="895"/>
      <c r="CG91" s="900"/>
      <c r="CH91" s="897"/>
      <c r="CI91" s="898"/>
      <c r="CJ91" s="898"/>
      <c r="CK91" s="898"/>
      <c r="CL91" s="899"/>
      <c r="CM91" s="897"/>
      <c r="CN91" s="898"/>
      <c r="CO91" s="898"/>
      <c r="CP91" s="898"/>
      <c r="CQ91" s="899"/>
      <c r="CR91" s="897"/>
      <c r="CS91" s="898"/>
      <c r="CT91" s="898"/>
      <c r="CU91" s="898"/>
      <c r="CV91" s="899"/>
      <c r="CW91" s="897"/>
      <c r="CX91" s="898"/>
      <c r="CY91" s="898"/>
      <c r="CZ91" s="898"/>
      <c r="DA91" s="899"/>
      <c r="DB91" s="897"/>
      <c r="DC91" s="898"/>
      <c r="DD91" s="898"/>
      <c r="DE91" s="898"/>
      <c r="DF91" s="899"/>
      <c r="DG91" s="897"/>
      <c r="DH91" s="898"/>
      <c r="DI91" s="898"/>
      <c r="DJ91" s="898"/>
      <c r="DK91" s="899"/>
      <c r="DL91" s="897"/>
      <c r="DM91" s="898"/>
      <c r="DN91" s="898"/>
      <c r="DO91" s="898"/>
      <c r="DP91" s="899"/>
      <c r="DQ91" s="897"/>
      <c r="DR91" s="898"/>
      <c r="DS91" s="898"/>
      <c r="DT91" s="898"/>
      <c r="DU91" s="899"/>
      <c r="DV91" s="894"/>
      <c r="DW91" s="895"/>
      <c r="DX91" s="895"/>
      <c r="DY91" s="895"/>
      <c r="DZ91" s="89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894"/>
      <c r="BT92" s="895"/>
      <c r="BU92" s="895"/>
      <c r="BV92" s="895"/>
      <c r="BW92" s="895"/>
      <c r="BX92" s="895"/>
      <c r="BY92" s="895"/>
      <c r="BZ92" s="895"/>
      <c r="CA92" s="895"/>
      <c r="CB92" s="895"/>
      <c r="CC92" s="895"/>
      <c r="CD92" s="895"/>
      <c r="CE92" s="895"/>
      <c r="CF92" s="895"/>
      <c r="CG92" s="900"/>
      <c r="CH92" s="897"/>
      <c r="CI92" s="898"/>
      <c r="CJ92" s="898"/>
      <c r="CK92" s="898"/>
      <c r="CL92" s="899"/>
      <c r="CM92" s="897"/>
      <c r="CN92" s="898"/>
      <c r="CO92" s="898"/>
      <c r="CP92" s="898"/>
      <c r="CQ92" s="899"/>
      <c r="CR92" s="897"/>
      <c r="CS92" s="898"/>
      <c r="CT92" s="898"/>
      <c r="CU92" s="898"/>
      <c r="CV92" s="899"/>
      <c r="CW92" s="897"/>
      <c r="CX92" s="898"/>
      <c r="CY92" s="898"/>
      <c r="CZ92" s="898"/>
      <c r="DA92" s="899"/>
      <c r="DB92" s="897"/>
      <c r="DC92" s="898"/>
      <c r="DD92" s="898"/>
      <c r="DE92" s="898"/>
      <c r="DF92" s="899"/>
      <c r="DG92" s="897"/>
      <c r="DH92" s="898"/>
      <c r="DI92" s="898"/>
      <c r="DJ92" s="898"/>
      <c r="DK92" s="899"/>
      <c r="DL92" s="897"/>
      <c r="DM92" s="898"/>
      <c r="DN92" s="898"/>
      <c r="DO92" s="898"/>
      <c r="DP92" s="899"/>
      <c r="DQ92" s="897"/>
      <c r="DR92" s="898"/>
      <c r="DS92" s="898"/>
      <c r="DT92" s="898"/>
      <c r="DU92" s="899"/>
      <c r="DV92" s="894"/>
      <c r="DW92" s="895"/>
      <c r="DX92" s="895"/>
      <c r="DY92" s="895"/>
      <c r="DZ92" s="89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894"/>
      <c r="BT93" s="895"/>
      <c r="BU93" s="895"/>
      <c r="BV93" s="895"/>
      <c r="BW93" s="895"/>
      <c r="BX93" s="895"/>
      <c r="BY93" s="895"/>
      <c r="BZ93" s="895"/>
      <c r="CA93" s="895"/>
      <c r="CB93" s="895"/>
      <c r="CC93" s="895"/>
      <c r="CD93" s="895"/>
      <c r="CE93" s="895"/>
      <c r="CF93" s="895"/>
      <c r="CG93" s="900"/>
      <c r="CH93" s="897"/>
      <c r="CI93" s="898"/>
      <c r="CJ93" s="898"/>
      <c r="CK93" s="898"/>
      <c r="CL93" s="899"/>
      <c r="CM93" s="897"/>
      <c r="CN93" s="898"/>
      <c r="CO93" s="898"/>
      <c r="CP93" s="898"/>
      <c r="CQ93" s="899"/>
      <c r="CR93" s="897"/>
      <c r="CS93" s="898"/>
      <c r="CT93" s="898"/>
      <c r="CU93" s="898"/>
      <c r="CV93" s="899"/>
      <c r="CW93" s="897"/>
      <c r="CX93" s="898"/>
      <c r="CY93" s="898"/>
      <c r="CZ93" s="898"/>
      <c r="DA93" s="899"/>
      <c r="DB93" s="897"/>
      <c r="DC93" s="898"/>
      <c r="DD93" s="898"/>
      <c r="DE93" s="898"/>
      <c r="DF93" s="899"/>
      <c r="DG93" s="897"/>
      <c r="DH93" s="898"/>
      <c r="DI93" s="898"/>
      <c r="DJ93" s="898"/>
      <c r="DK93" s="899"/>
      <c r="DL93" s="897"/>
      <c r="DM93" s="898"/>
      <c r="DN93" s="898"/>
      <c r="DO93" s="898"/>
      <c r="DP93" s="899"/>
      <c r="DQ93" s="897"/>
      <c r="DR93" s="898"/>
      <c r="DS93" s="898"/>
      <c r="DT93" s="898"/>
      <c r="DU93" s="899"/>
      <c r="DV93" s="894"/>
      <c r="DW93" s="895"/>
      <c r="DX93" s="895"/>
      <c r="DY93" s="895"/>
      <c r="DZ93" s="89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894"/>
      <c r="BT94" s="895"/>
      <c r="BU94" s="895"/>
      <c r="BV94" s="895"/>
      <c r="BW94" s="895"/>
      <c r="BX94" s="895"/>
      <c r="BY94" s="895"/>
      <c r="BZ94" s="895"/>
      <c r="CA94" s="895"/>
      <c r="CB94" s="895"/>
      <c r="CC94" s="895"/>
      <c r="CD94" s="895"/>
      <c r="CE94" s="895"/>
      <c r="CF94" s="895"/>
      <c r="CG94" s="900"/>
      <c r="CH94" s="897"/>
      <c r="CI94" s="898"/>
      <c r="CJ94" s="898"/>
      <c r="CK94" s="898"/>
      <c r="CL94" s="899"/>
      <c r="CM94" s="897"/>
      <c r="CN94" s="898"/>
      <c r="CO94" s="898"/>
      <c r="CP94" s="898"/>
      <c r="CQ94" s="899"/>
      <c r="CR94" s="897"/>
      <c r="CS94" s="898"/>
      <c r="CT94" s="898"/>
      <c r="CU94" s="898"/>
      <c r="CV94" s="899"/>
      <c r="CW94" s="897"/>
      <c r="CX94" s="898"/>
      <c r="CY94" s="898"/>
      <c r="CZ94" s="898"/>
      <c r="DA94" s="899"/>
      <c r="DB94" s="897"/>
      <c r="DC94" s="898"/>
      <c r="DD94" s="898"/>
      <c r="DE94" s="898"/>
      <c r="DF94" s="899"/>
      <c r="DG94" s="897"/>
      <c r="DH94" s="898"/>
      <c r="DI94" s="898"/>
      <c r="DJ94" s="898"/>
      <c r="DK94" s="899"/>
      <c r="DL94" s="897"/>
      <c r="DM94" s="898"/>
      <c r="DN94" s="898"/>
      <c r="DO94" s="898"/>
      <c r="DP94" s="899"/>
      <c r="DQ94" s="897"/>
      <c r="DR94" s="898"/>
      <c r="DS94" s="898"/>
      <c r="DT94" s="898"/>
      <c r="DU94" s="899"/>
      <c r="DV94" s="894"/>
      <c r="DW94" s="895"/>
      <c r="DX94" s="895"/>
      <c r="DY94" s="895"/>
      <c r="DZ94" s="89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894"/>
      <c r="BT95" s="895"/>
      <c r="BU95" s="895"/>
      <c r="BV95" s="895"/>
      <c r="BW95" s="895"/>
      <c r="BX95" s="895"/>
      <c r="BY95" s="895"/>
      <c r="BZ95" s="895"/>
      <c r="CA95" s="895"/>
      <c r="CB95" s="895"/>
      <c r="CC95" s="895"/>
      <c r="CD95" s="895"/>
      <c r="CE95" s="895"/>
      <c r="CF95" s="895"/>
      <c r="CG95" s="900"/>
      <c r="CH95" s="897"/>
      <c r="CI95" s="898"/>
      <c r="CJ95" s="898"/>
      <c r="CK95" s="898"/>
      <c r="CL95" s="899"/>
      <c r="CM95" s="897"/>
      <c r="CN95" s="898"/>
      <c r="CO95" s="898"/>
      <c r="CP95" s="898"/>
      <c r="CQ95" s="899"/>
      <c r="CR95" s="897"/>
      <c r="CS95" s="898"/>
      <c r="CT95" s="898"/>
      <c r="CU95" s="898"/>
      <c r="CV95" s="899"/>
      <c r="CW95" s="897"/>
      <c r="CX95" s="898"/>
      <c r="CY95" s="898"/>
      <c r="CZ95" s="898"/>
      <c r="DA95" s="899"/>
      <c r="DB95" s="897"/>
      <c r="DC95" s="898"/>
      <c r="DD95" s="898"/>
      <c r="DE95" s="898"/>
      <c r="DF95" s="899"/>
      <c r="DG95" s="897"/>
      <c r="DH95" s="898"/>
      <c r="DI95" s="898"/>
      <c r="DJ95" s="898"/>
      <c r="DK95" s="899"/>
      <c r="DL95" s="897"/>
      <c r="DM95" s="898"/>
      <c r="DN95" s="898"/>
      <c r="DO95" s="898"/>
      <c r="DP95" s="899"/>
      <c r="DQ95" s="897"/>
      <c r="DR95" s="898"/>
      <c r="DS95" s="898"/>
      <c r="DT95" s="898"/>
      <c r="DU95" s="899"/>
      <c r="DV95" s="894"/>
      <c r="DW95" s="895"/>
      <c r="DX95" s="895"/>
      <c r="DY95" s="895"/>
      <c r="DZ95" s="89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894"/>
      <c r="BT96" s="895"/>
      <c r="BU96" s="895"/>
      <c r="BV96" s="895"/>
      <c r="BW96" s="895"/>
      <c r="BX96" s="895"/>
      <c r="BY96" s="895"/>
      <c r="BZ96" s="895"/>
      <c r="CA96" s="895"/>
      <c r="CB96" s="895"/>
      <c r="CC96" s="895"/>
      <c r="CD96" s="895"/>
      <c r="CE96" s="895"/>
      <c r="CF96" s="895"/>
      <c r="CG96" s="900"/>
      <c r="CH96" s="897"/>
      <c r="CI96" s="898"/>
      <c r="CJ96" s="898"/>
      <c r="CK96" s="898"/>
      <c r="CL96" s="899"/>
      <c r="CM96" s="897"/>
      <c r="CN96" s="898"/>
      <c r="CO96" s="898"/>
      <c r="CP96" s="898"/>
      <c r="CQ96" s="899"/>
      <c r="CR96" s="897"/>
      <c r="CS96" s="898"/>
      <c r="CT96" s="898"/>
      <c r="CU96" s="898"/>
      <c r="CV96" s="899"/>
      <c r="CW96" s="897"/>
      <c r="CX96" s="898"/>
      <c r="CY96" s="898"/>
      <c r="CZ96" s="898"/>
      <c r="DA96" s="899"/>
      <c r="DB96" s="897"/>
      <c r="DC96" s="898"/>
      <c r="DD96" s="898"/>
      <c r="DE96" s="898"/>
      <c r="DF96" s="899"/>
      <c r="DG96" s="897"/>
      <c r="DH96" s="898"/>
      <c r="DI96" s="898"/>
      <c r="DJ96" s="898"/>
      <c r="DK96" s="899"/>
      <c r="DL96" s="897"/>
      <c r="DM96" s="898"/>
      <c r="DN96" s="898"/>
      <c r="DO96" s="898"/>
      <c r="DP96" s="899"/>
      <c r="DQ96" s="897"/>
      <c r="DR96" s="898"/>
      <c r="DS96" s="898"/>
      <c r="DT96" s="898"/>
      <c r="DU96" s="899"/>
      <c r="DV96" s="894"/>
      <c r="DW96" s="895"/>
      <c r="DX96" s="895"/>
      <c r="DY96" s="895"/>
      <c r="DZ96" s="89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894"/>
      <c r="BT97" s="895"/>
      <c r="BU97" s="895"/>
      <c r="BV97" s="895"/>
      <c r="BW97" s="895"/>
      <c r="BX97" s="895"/>
      <c r="BY97" s="895"/>
      <c r="BZ97" s="895"/>
      <c r="CA97" s="895"/>
      <c r="CB97" s="895"/>
      <c r="CC97" s="895"/>
      <c r="CD97" s="895"/>
      <c r="CE97" s="895"/>
      <c r="CF97" s="895"/>
      <c r="CG97" s="900"/>
      <c r="CH97" s="897"/>
      <c r="CI97" s="898"/>
      <c r="CJ97" s="898"/>
      <c r="CK97" s="898"/>
      <c r="CL97" s="899"/>
      <c r="CM97" s="897"/>
      <c r="CN97" s="898"/>
      <c r="CO97" s="898"/>
      <c r="CP97" s="898"/>
      <c r="CQ97" s="899"/>
      <c r="CR97" s="897"/>
      <c r="CS97" s="898"/>
      <c r="CT97" s="898"/>
      <c r="CU97" s="898"/>
      <c r="CV97" s="899"/>
      <c r="CW97" s="897"/>
      <c r="CX97" s="898"/>
      <c r="CY97" s="898"/>
      <c r="CZ97" s="898"/>
      <c r="DA97" s="899"/>
      <c r="DB97" s="897"/>
      <c r="DC97" s="898"/>
      <c r="DD97" s="898"/>
      <c r="DE97" s="898"/>
      <c r="DF97" s="899"/>
      <c r="DG97" s="897"/>
      <c r="DH97" s="898"/>
      <c r="DI97" s="898"/>
      <c r="DJ97" s="898"/>
      <c r="DK97" s="899"/>
      <c r="DL97" s="897"/>
      <c r="DM97" s="898"/>
      <c r="DN97" s="898"/>
      <c r="DO97" s="898"/>
      <c r="DP97" s="899"/>
      <c r="DQ97" s="897"/>
      <c r="DR97" s="898"/>
      <c r="DS97" s="898"/>
      <c r="DT97" s="898"/>
      <c r="DU97" s="899"/>
      <c r="DV97" s="894"/>
      <c r="DW97" s="895"/>
      <c r="DX97" s="895"/>
      <c r="DY97" s="895"/>
      <c r="DZ97" s="89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894"/>
      <c r="BT98" s="895"/>
      <c r="BU98" s="895"/>
      <c r="BV98" s="895"/>
      <c r="BW98" s="895"/>
      <c r="BX98" s="895"/>
      <c r="BY98" s="895"/>
      <c r="BZ98" s="895"/>
      <c r="CA98" s="895"/>
      <c r="CB98" s="895"/>
      <c r="CC98" s="895"/>
      <c r="CD98" s="895"/>
      <c r="CE98" s="895"/>
      <c r="CF98" s="895"/>
      <c r="CG98" s="900"/>
      <c r="CH98" s="897"/>
      <c r="CI98" s="898"/>
      <c r="CJ98" s="898"/>
      <c r="CK98" s="898"/>
      <c r="CL98" s="899"/>
      <c r="CM98" s="897"/>
      <c r="CN98" s="898"/>
      <c r="CO98" s="898"/>
      <c r="CP98" s="898"/>
      <c r="CQ98" s="899"/>
      <c r="CR98" s="897"/>
      <c r="CS98" s="898"/>
      <c r="CT98" s="898"/>
      <c r="CU98" s="898"/>
      <c r="CV98" s="899"/>
      <c r="CW98" s="897"/>
      <c r="CX98" s="898"/>
      <c r="CY98" s="898"/>
      <c r="CZ98" s="898"/>
      <c r="DA98" s="899"/>
      <c r="DB98" s="897"/>
      <c r="DC98" s="898"/>
      <c r="DD98" s="898"/>
      <c r="DE98" s="898"/>
      <c r="DF98" s="899"/>
      <c r="DG98" s="897"/>
      <c r="DH98" s="898"/>
      <c r="DI98" s="898"/>
      <c r="DJ98" s="898"/>
      <c r="DK98" s="899"/>
      <c r="DL98" s="897"/>
      <c r="DM98" s="898"/>
      <c r="DN98" s="898"/>
      <c r="DO98" s="898"/>
      <c r="DP98" s="899"/>
      <c r="DQ98" s="897"/>
      <c r="DR98" s="898"/>
      <c r="DS98" s="898"/>
      <c r="DT98" s="898"/>
      <c r="DU98" s="899"/>
      <c r="DV98" s="894"/>
      <c r="DW98" s="895"/>
      <c r="DX98" s="895"/>
      <c r="DY98" s="895"/>
      <c r="DZ98" s="89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894"/>
      <c r="BT99" s="895"/>
      <c r="BU99" s="895"/>
      <c r="BV99" s="895"/>
      <c r="BW99" s="895"/>
      <c r="BX99" s="895"/>
      <c r="BY99" s="895"/>
      <c r="BZ99" s="895"/>
      <c r="CA99" s="895"/>
      <c r="CB99" s="895"/>
      <c r="CC99" s="895"/>
      <c r="CD99" s="895"/>
      <c r="CE99" s="895"/>
      <c r="CF99" s="895"/>
      <c r="CG99" s="900"/>
      <c r="CH99" s="897"/>
      <c r="CI99" s="898"/>
      <c r="CJ99" s="898"/>
      <c r="CK99" s="898"/>
      <c r="CL99" s="899"/>
      <c r="CM99" s="897"/>
      <c r="CN99" s="898"/>
      <c r="CO99" s="898"/>
      <c r="CP99" s="898"/>
      <c r="CQ99" s="899"/>
      <c r="CR99" s="897"/>
      <c r="CS99" s="898"/>
      <c r="CT99" s="898"/>
      <c r="CU99" s="898"/>
      <c r="CV99" s="899"/>
      <c r="CW99" s="897"/>
      <c r="CX99" s="898"/>
      <c r="CY99" s="898"/>
      <c r="CZ99" s="898"/>
      <c r="DA99" s="899"/>
      <c r="DB99" s="897"/>
      <c r="DC99" s="898"/>
      <c r="DD99" s="898"/>
      <c r="DE99" s="898"/>
      <c r="DF99" s="899"/>
      <c r="DG99" s="897"/>
      <c r="DH99" s="898"/>
      <c r="DI99" s="898"/>
      <c r="DJ99" s="898"/>
      <c r="DK99" s="899"/>
      <c r="DL99" s="897"/>
      <c r="DM99" s="898"/>
      <c r="DN99" s="898"/>
      <c r="DO99" s="898"/>
      <c r="DP99" s="899"/>
      <c r="DQ99" s="897"/>
      <c r="DR99" s="898"/>
      <c r="DS99" s="898"/>
      <c r="DT99" s="898"/>
      <c r="DU99" s="899"/>
      <c r="DV99" s="894"/>
      <c r="DW99" s="895"/>
      <c r="DX99" s="895"/>
      <c r="DY99" s="895"/>
      <c r="DZ99" s="89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894"/>
      <c r="BT100" s="895"/>
      <c r="BU100" s="895"/>
      <c r="BV100" s="895"/>
      <c r="BW100" s="895"/>
      <c r="BX100" s="895"/>
      <c r="BY100" s="895"/>
      <c r="BZ100" s="895"/>
      <c r="CA100" s="895"/>
      <c r="CB100" s="895"/>
      <c r="CC100" s="895"/>
      <c r="CD100" s="895"/>
      <c r="CE100" s="895"/>
      <c r="CF100" s="895"/>
      <c r="CG100" s="900"/>
      <c r="CH100" s="897"/>
      <c r="CI100" s="898"/>
      <c r="CJ100" s="898"/>
      <c r="CK100" s="898"/>
      <c r="CL100" s="899"/>
      <c r="CM100" s="897"/>
      <c r="CN100" s="898"/>
      <c r="CO100" s="898"/>
      <c r="CP100" s="898"/>
      <c r="CQ100" s="899"/>
      <c r="CR100" s="897"/>
      <c r="CS100" s="898"/>
      <c r="CT100" s="898"/>
      <c r="CU100" s="898"/>
      <c r="CV100" s="899"/>
      <c r="CW100" s="897"/>
      <c r="CX100" s="898"/>
      <c r="CY100" s="898"/>
      <c r="CZ100" s="898"/>
      <c r="DA100" s="899"/>
      <c r="DB100" s="897"/>
      <c r="DC100" s="898"/>
      <c r="DD100" s="898"/>
      <c r="DE100" s="898"/>
      <c r="DF100" s="899"/>
      <c r="DG100" s="897"/>
      <c r="DH100" s="898"/>
      <c r="DI100" s="898"/>
      <c r="DJ100" s="898"/>
      <c r="DK100" s="899"/>
      <c r="DL100" s="897"/>
      <c r="DM100" s="898"/>
      <c r="DN100" s="898"/>
      <c r="DO100" s="898"/>
      <c r="DP100" s="899"/>
      <c r="DQ100" s="897"/>
      <c r="DR100" s="898"/>
      <c r="DS100" s="898"/>
      <c r="DT100" s="898"/>
      <c r="DU100" s="899"/>
      <c r="DV100" s="894"/>
      <c r="DW100" s="895"/>
      <c r="DX100" s="895"/>
      <c r="DY100" s="895"/>
      <c r="DZ100" s="89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894"/>
      <c r="BT101" s="895"/>
      <c r="BU101" s="895"/>
      <c r="BV101" s="895"/>
      <c r="BW101" s="895"/>
      <c r="BX101" s="895"/>
      <c r="BY101" s="895"/>
      <c r="BZ101" s="895"/>
      <c r="CA101" s="895"/>
      <c r="CB101" s="895"/>
      <c r="CC101" s="895"/>
      <c r="CD101" s="895"/>
      <c r="CE101" s="895"/>
      <c r="CF101" s="895"/>
      <c r="CG101" s="900"/>
      <c r="CH101" s="897"/>
      <c r="CI101" s="898"/>
      <c r="CJ101" s="898"/>
      <c r="CK101" s="898"/>
      <c r="CL101" s="899"/>
      <c r="CM101" s="897"/>
      <c r="CN101" s="898"/>
      <c r="CO101" s="898"/>
      <c r="CP101" s="898"/>
      <c r="CQ101" s="899"/>
      <c r="CR101" s="897"/>
      <c r="CS101" s="898"/>
      <c r="CT101" s="898"/>
      <c r="CU101" s="898"/>
      <c r="CV101" s="899"/>
      <c r="CW101" s="897"/>
      <c r="CX101" s="898"/>
      <c r="CY101" s="898"/>
      <c r="CZ101" s="898"/>
      <c r="DA101" s="899"/>
      <c r="DB101" s="897"/>
      <c r="DC101" s="898"/>
      <c r="DD101" s="898"/>
      <c r="DE101" s="898"/>
      <c r="DF101" s="899"/>
      <c r="DG101" s="897"/>
      <c r="DH101" s="898"/>
      <c r="DI101" s="898"/>
      <c r="DJ101" s="898"/>
      <c r="DK101" s="899"/>
      <c r="DL101" s="897"/>
      <c r="DM101" s="898"/>
      <c r="DN101" s="898"/>
      <c r="DO101" s="898"/>
      <c r="DP101" s="899"/>
      <c r="DQ101" s="897"/>
      <c r="DR101" s="898"/>
      <c r="DS101" s="898"/>
      <c r="DT101" s="898"/>
      <c r="DU101" s="899"/>
      <c r="DV101" s="894"/>
      <c r="DW101" s="895"/>
      <c r="DX101" s="895"/>
      <c r="DY101" s="895"/>
      <c r="DZ101" s="89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6</v>
      </c>
      <c r="BR102" s="825" t="s">
        <v>424</v>
      </c>
      <c r="BS102" s="826"/>
      <c r="BT102" s="826"/>
      <c r="BU102" s="826"/>
      <c r="BV102" s="826"/>
      <c r="BW102" s="826"/>
      <c r="BX102" s="826"/>
      <c r="BY102" s="826"/>
      <c r="BZ102" s="826"/>
      <c r="CA102" s="826"/>
      <c r="CB102" s="826"/>
      <c r="CC102" s="826"/>
      <c r="CD102" s="826"/>
      <c r="CE102" s="826"/>
      <c r="CF102" s="826"/>
      <c r="CG102" s="827"/>
      <c r="CH102" s="922"/>
      <c r="CI102" s="923"/>
      <c r="CJ102" s="923"/>
      <c r="CK102" s="923"/>
      <c r="CL102" s="924"/>
      <c r="CM102" s="922"/>
      <c r="CN102" s="923"/>
      <c r="CO102" s="923"/>
      <c r="CP102" s="923"/>
      <c r="CQ102" s="924"/>
      <c r="CR102" s="925">
        <v>11</v>
      </c>
      <c r="CS102" s="887"/>
      <c r="CT102" s="887"/>
      <c r="CU102" s="887"/>
      <c r="CV102" s="926"/>
      <c r="CW102" s="925" t="s">
        <v>588</v>
      </c>
      <c r="CX102" s="887"/>
      <c r="CY102" s="887"/>
      <c r="CZ102" s="887"/>
      <c r="DA102" s="926"/>
      <c r="DB102" s="925" t="s">
        <v>588</v>
      </c>
      <c r="DC102" s="887"/>
      <c r="DD102" s="887"/>
      <c r="DE102" s="887"/>
      <c r="DF102" s="926"/>
      <c r="DG102" s="925" t="s">
        <v>588</v>
      </c>
      <c r="DH102" s="887"/>
      <c r="DI102" s="887"/>
      <c r="DJ102" s="887"/>
      <c r="DK102" s="926"/>
      <c r="DL102" s="925" t="s">
        <v>588</v>
      </c>
      <c r="DM102" s="887"/>
      <c r="DN102" s="887"/>
      <c r="DO102" s="887"/>
      <c r="DP102" s="926"/>
      <c r="DQ102" s="925" t="s">
        <v>588</v>
      </c>
      <c r="DR102" s="887"/>
      <c r="DS102" s="887"/>
      <c r="DT102" s="887"/>
      <c r="DU102" s="926"/>
      <c r="DV102" s="825"/>
      <c r="DW102" s="826"/>
      <c r="DX102" s="826"/>
      <c r="DY102" s="826"/>
      <c r="DZ102" s="94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50" t="s">
        <v>425</v>
      </c>
      <c r="BR103" s="950"/>
      <c r="BS103" s="950"/>
      <c r="BT103" s="950"/>
      <c r="BU103" s="950"/>
      <c r="BV103" s="950"/>
      <c r="BW103" s="950"/>
      <c r="BX103" s="950"/>
      <c r="BY103" s="950"/>
      <c r="BZ103" s="950"/>
      <c r="CA103" s="950"/>
      <c r="CB103" s="950"/>
      <c r="CC103" s="950"/>
      <c r="CD103" s="950"/>
      <c r="CE103" s="950"/>
      <c r="CF103" s="950"/>
      <c r="CG103" s="950"/>
      <c r="CH103" s="950"/>
      <c r="CI103" s="950"/>
      <c r="CJ103" s="950"/>
      <c r="CK103" s="950"/>
      <c r="CL103" s="950"/>
      <c r="CM103" s="950"/>
      <c r="CN103" s="950"/>
      <c r="CO103" s="950"/>
      <c r="CP103" s="950"/>
      <c r="CQ103" s="950"/>
      <c r="CR103" s="950"/>
      <c r="CS103" s="950"/>
      <c r="CT103" s="950"/>
      <c r="CU103" s="950"/>
      <c r="CV103" s="950"/>
      <c r="CW103" s="950"/>
      <c r="CX103" s="950"/>
      <c r="CY103" s="950"/>
      <c r="CZ103" s="950"/>
      <c r="DA103" s="950"/>
      <c r="DB103" s="950"/>
      <c r="DC103" s="950"/>
      <c r="DD103" s="950"/>
      <c r="DE103" s="950"/>
      <c r="DF103" s="950"/>
      <c r="DG103" s="950"/>
      <c r="DH103" s="950"/>
      <c r="DI103" s="950"/>
      <c r="DJ103" s="950"/>
      <c r="DK103" s="950"/>
      <c r="DL103" s="950"/>
      <c r="DM103" s="950"/>
      <c r="DN103" s="950"/>
      <c r="DO103" s="950"/>
      <c r="DP103" s="950"/>
      <c r="DQ103" s="950"/>
      <c r="DR103" s="950"/>
      <c r="DS103" s="950"/>
      <c r="DT103" s="950"/>
      <c r="DU103" s="950"/>
      <c r="DV103" s="950"/>
      <c r="DW103" s="950"/>
      <c r="DX103" s="950"/>
      <c r="DY103" s="950"/>
      <c r="DZ103" s="95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51" t="s">
        <v>426</v>
      </c>
      <c r="BR104" s="951"/>
      <c r="BS104" s="951"/>
      <c r="BT104" s="951"/>
      <c r="BU104" s="951"/>
      <c r="BV104" s="951"/>
      <c r="BW104" s="951"/>
      <c r="BX104" s="951"/>
      <c r="BY104" s="951"/>
      <c r="BZ104" s="951"/>
      <c r="CA104" s="951"/>
      <c r="CB104" s="951"/>
      <c r="CC104" s="951"/>
      <c r="CD104" s="951"/>
      <c r="CE104" s="951"/>
      <c r="CF104" s="951"/>
      <c r="CG104" s="951"/>
      <c r="CH104" s="951"/>
      <c r="CI104" s="951"/>
      <c r="CJ104" s="951"/>
      <c r="CK104" s="951"/>
      <c r="CL104" s="951"/>
      <c r="CM104" s="951"/>
      <c r="CN104" s="951"/>
      <c r="CO104" s="951"/>
      <c r="CP104" s="951"/>
      <c r="CQ104" s="951"/>
      <c r="CR104" s="951"/>
      <c r="CS104" s="951"/>
      <c r="CT104" s="951"/>
      <c r="CU104" s="951"/>
      <c r="CV104" s="951"/>
      <c r="CW104" s="951"/>
      <c r="CX104" s="951"/>
      <c r="CY104" s="951"/>
      <c r="CZ104" s="951"/>
      <c r="DA104" s="951"/>
      <c r="DB104" s="951"/>
      <c r="DC104" s="951"/>
      <c r="DD104" s="951"/>
      <c r="DE104" s="951"/>
      <c r="DF104" s="951"/>
      <c r="DG104" s="951"/>
      <c r="DH104" s="951"/>
      <c r="DI104" s="951"/>
      <c r="DJ104" s="951"/>
      <c r="DK104" s="951"/>
      <c r="DL104" s="951"/>
      <c r="DM104" s="951"/>
      <c r="DN104" s="951"/>
      <c r="DO104" s="951"/>
      <c r="DP104" s="951"/>
      <c r="DQ104" s="951"/>
      <c r="DR104" s="951"/>
      <c r="DS104" s="951"/>
      <c r="DT104" s="951"/>
      <c r="DU104" s="951"/>
      <c r="DV104" s="951"/>
      <c r="DW104" s="951"/>
      <c r="DX104" s="951"/>
      <c r="DY104" s="951"/>
      <c r="DZ104" s="95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7</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8</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52" t="s">
        <v>429</v>
      </c>
      <c r="B108" s="953"/>
      <c r="C108" s="953"/>
      <c r="D108" s="953"/>
      <c r="E108" s="953"/>
      <c r="F108" s="953"/>
      <c r="G108" s="953"/>
      <c r="H108" s="953"/>
      <c r="I108" s="953"/>
      <c r="J108" s="953"/>
      <c r="K108" s="953"/>
      <c r="L108" s="953"/>
      <c r="M108" s="953"/>
      <c r="N108" s="953"/>
      <c r="O108" s="953"/>
      <c r="P108" s="953"/>
      <c r="Q108" s="953"/>
      <c r="R108" s="953"/>
      <c r="S108" s="953"/>
      <c r="T108" s="953"/>
      <c r="U108" s="953"/>
      <c r="V108" s="953"/>
      <c r="W108" s="953"/>
      <c r="X108" s="953"/>
      <c r="Y108" s="953"/>
      <c r="Z108" s="953"/>
      <c r="AA108" s="953"/>
      <c r="AB108" s="953"/>
      <c r="AC108" s="953"/>
      <c r="AD108" s="953"/>
      <c r="AE108" s="953"/>
      <c r="AF108" s="953"/>
      <c r="AG108" s="953"/>
      <c r="AH108" s="953"/>
      <c r="AI108" s="953"/>
      <c r="AJ108" s="953"/>
      <c r="AK108" s="953"/>
      <c r="AL108" s="953"/>
      <c r="AM108" s="953"/>
      <c r="AN108" s="953"/>
      <c r="AO108" s="953"/>
      <c r="AP108" s="953"/>
      <c r="AQ108" s="953"/>
      <c r="AR108" s="953"/>
      <c r="AS108" s="953"/>
      <c r="AT108" s="954"/>
      <c r="AU108" s="952" t="s">
        <v>430</v>
      </c>
      <c r="AV108" s="953"/>
      <c r="AW108" s="953"/>
      <c r="AX108" s="953"/>
      <c r="AY108" s="953"/>
      <c r="AZ108" s="953"/>
      <c r="BA108" s="953"/>
      <c r="BB108" s="953"/>
      <c r="BC108" s="953"/>
      <c r="BD108" s="953"/>
      <c r="BE108" s="953"/>
      <c r="BF108" s="953"/>
      <c r="BG108" s="953"/>
      <c r="BH108" s="953"/>
      <c r="BI108" s="953"/>
      <c r="BJ108" s="953"/>
      <c r="BK108" s="953"/>
      <c r="BL108" s="953"/>
      <c r="BM108" s="953"/>
      <c r="BN108" s="953"/>
      <c r="BO108" s="953"/>
      <c r="BP108" s="953"/>
      <c r="BQ108" s="953"/>
      <c r="BR108" s="953"/>
      <c r="BS108" s="953"/>
      <c r="BT108" s="953"/>
      <c r="BU108" s="953"/>
      <c r="BV108" s="953"/>
      <c r="BW108" s="953"/>
      <c r="BX108" s="953"/>
      <c r="BY108" s="953"/>
      <c r="BZ108" s="953"/>
      <c r="CA108" s="953"/>
      <c r="CB108" s="953"/>
      <c r="CC108" s="953"/>
      <c r="CD108" s="953"/>
      <c r="CE108" s="953"/>
      <c r="CF108" s="953"/>
      <c r="CG108" s="953"/>
      <c r="CH108" s="953"/>
      <c r="CI108" s="953"/>
      <c r="CJ108" s="953"/>
      <c r="CK108" s="953"/>
      <c r="CL108" s="953"/>
      <c r="CM108" s="953"/>
      <c r="CN108" s="953"/>
      <c r="CO108" s="953"/>
      <c r="CP108" s="953"/>
      <c r="CQ108" s="953"/>
      <c r="CR108" s="953"/>
      <c r="CS108" s="953"/>
      <c r="CT108" s="953"/>
      <c r="CU108" s="953"/>
      <c r="CV108" s="953"/>
      <c r="CW108" s="953"/>
      <c r="CX108" s="953"/>
      <c r="CY108" s="953"/>
      <c r="CZ108" s="953"/>
      <c r="DA108" s="953"/>
      <c r="DB108" s="953"/>
      <c r="DC108" s="953"/>
      <c r="DD108" s="953"/>
      <c r="DE108" s="953"/>
      <c r="DF108" s="953"/>
      <c r="DG108" s="953"/>
      <c r="DH108" s="953"/>
      <c r="DI108" s="953"/>
      <c r="DJ108" s="953"/>
      <c r="DK108" s="953"/>
      <c r="DL108" s="953"/>
      <c r="DM108" s="953"/>
      <c r="DN108" s="953"/>
      <c r="DO108" s="953"/>
      <c r="DP108" s="953"/>
      <c r="DQ108" s="953"/>
      <c r="DR108" s="953"/>
      <c r="DS108" s="953"/>
      <c r="DT108" s="953"/>
      <c r="DU108" s="953"/>
      <c r="DV108" s="953"/>
      <c r="DW108" s="953"/>
      <c r="DX108" s="953"/>
      <c r="DY108" s="953"/>
      <c r="DZ108" s="954"/>
    </row>
    <row r="109" spans="1:131" s="226" customFormat="1" ht="26.25" customHeight="1" x14ac:dyDescent="0.2">
      <c r="A109" s="947" t="s">
        <v>431</v>
      </c>
      <c r="B109" s="928"/>
      <c r="C109" s="928"/>
      <c r="D109" s="928"/>
      <c r="E109" s="928"/>
      <c r="F109" s="928"/>
      <c r="G109" s="928"/>
      <c r="H109" s="928"/>
      <c r="I109" s="928"/>
      <c r="J109" s="928"/>
      <c r="K109" s="928"/>
      <c r="L109" s="928"/>
      <c r="M109" s="928"/>
      <c r="N109" s="928"/>
      <c r="O109" s="928"/>
      <c r="P109" s="928"/>
      <c r="Q109" s="928"/>
      <c r="R109" s="928"/>
      <c r="S109" s="928"/>
      <c r="T109" s="928"/>
      <c r="U109" s="928"/>
      <c r="V109" s="928"/>
      <c r="W109" s="928"/>
      <c r="X109" s="928"/>
      <c r="Y109" s="928"/>
      <c r="Z109" s="929"/>
      <c r="AA109" s="927" t="s">
        <v>432</v>
      </c>
      <c r="AB109" s="928"/>
      <c r="AC109" s="928"/>
      <c r="AD109" s="928"/>
      <c r="AE109" s="929"/>
      <c r="AF109" s="927" t="s">
        <v>433</v>
      </c>
      <c r="AG109" s="928"/>
      <c r="AH109" s="928"/>
      <c r="AI109" s="928"/>
      <c r="AJ109" s="929"/>
      <c r="AK109" s="927" t="s">
        <v>314</v>
      </c>
      <c r="AL109" s="928"/>
      <c r="AM109" s="928"/>
      <c r="AN109" s="928"/>
      <c r="AO109" s="929"/>
      <c r="AP109" s="927" t="s">
        <v>434</v>
      </c>
      <c r="AQ109" s="928"/>
      <c r="AR109" s="928"/>
      <c r="AS109" s="928"/>
      <c r="AT109" s="930"/>
      <c r="AU109" s="947" t="s">
        <v>431</v>
      </c>
      <c r="AV109" s="928"/>
      <c r="AW109" s="928"/>
      <c r="AX109" s="928"/>
      <c r="AY109" s="928"/>
      <c r="AZ109" s="928"/>
      <c r="BA109" s="928"/>
      <c r="BB109" s="928"/>
      <c r="BC109" s="928"/>
      <c r="BD109" s="928"/>
      <c r="BE109" s="928"/>
      <c r="BF109" s="928"/>
      <c r="BG109" s="928"/>
      <c r="BH109" s="928"/>
      <c r="BI109" s="928"/>
      <c r="BJ109" s="928"/>
      <c r="BK109" s="928"/>
      <c r="BL109" s="928"/>
      <c r="BM109" s="928"/>
      <c r="BN109" s="928"/>
      <c r="BO109" s="928"/>
      <c r="BP109" s="929"/>
      <c r="BQ109" s="927" t="s">
        <v>432</v>
      </c>
      <c r="BR109" s="928"/>
      <c r="BS109" s="928"/>
      <c r="BT109" s="928"/>
      <c r="BU109" s="929"/>
      <c r="BV109" s="927" t="s">
        <v>433</v>
      </c>
      <c r="BW109" s="928"/>
      <c r="BX109" s="928"/>
      <c r="BY109" s="928"/>
      <c r="BZ109" s="929"/>
      <c r="CA109" s="927" t="s">
        <v>314</v>
      </c>
      <c r="CB109" s="928"/>
      <c r="CC109" s="928"/>
      <c r="CD109" s="928"/>
      <c r="CE109" s="929"/>
      <c r="CF109" s="948" t="s">
        <v>434</v>
      </c>
      <c r="CG109" s="948"/>
      <c r="CH109" s="948"/>
      <c r="CI109" s="948"/>
      <c r="CJ109" s="948"/>
      <c r="CK109" s="927" t="s">
        <v>435</v>
      </c>
      <c r="CL109" s="928"/>
      <c r="CM109" s="928"/>
      <c r="CN109" s="928"/>
      <c r="CO109" s="928"/>
      <c r="CP109" s="928"/>
      <c r="CQ109" s="928"/>
      <c r="CR109" s="928"/>
      <c r="CS109" s="928"/>
      <c r="CT109" s="928"/>
      <c r="CU109" s="928"/>
      <c r="CV109" s="928"/>
      <c r="CW109" s="928"/>
      <c r="CX109" s="928"/>
      <c r="CY109" s="928"/>
      <c r="CZ109" s="928"/>
      <c r="DA109" s="928"/>
      <c r="DB109" s="928"/>
      <c r="DC109" s="928"/>
      <c r="DD109" s="928"/>
      <c r="DE109" s="928"/>
      <c r="DF109" s="929"/>
      <c r="DG109" s="927" t="s">
        <v>432</v>
      </c>
      <c r="DH109" s="928"/>
      <c r="DI109" s="928"/>
      <c r="DJ109" s="928"/>
      <c r="DK109" s="929"/>
      <c r="DL109" s="927" t="s">
        <v>433</v>
      </c>
      <c r="DM109" s="928"/>
      <c r="DN109" s="928"/>
      <c r="DO109" s="928"/>
      <c r="DP109" s="929"/>
      <c r="DQ109" s="927" t="s">
        <v>314</v>
      </c>
      <c r="DR109" s="928"/>
      <c r="DS109" s="928"/>
      <c r="DT109" s="928"/>
      <c r="DU109" s="929"/>
      <c r="DV109" s="927" t="s">
        <v>434</v>
      </c>
      <c r="DW109" s="928"/>
      <c r="DX109" s="928"/>
      <c r="DY109" s="928"/>
      <c r="DZ109" s="930"/>
    </row>
    <row r="110" spans="1:131" s="226" customFormat="1" ht="26.25" customHeight="1" x14ac:dyDescent="0.2">
      <c r="A110" s="931" t="s">
        <v>436</v>
      </c>
      <c r="B110" s="932"/>
      <c r="C110" s="932"/>
      <c r="D110" s="932"/>
      <c r="E110" s="932"/>
      <c r="F110" s="932"/>
      <c r="G110" s="932"/>
      <c r="H110" s="932"/>
      <c r="I110" s="932"/>
      <c r="J110" s="932"/>
      <c r="K110" s="932"/>
      <c r="L110" s="932"/>
      <c r="M110" s="932"/>
      <c r="N110" s="932"/>
      <c r="O110" s="932"/>
      <c r="P110" s="932"/>
      <c r="Q110" s="932"/>
      <c r="R110" s="932"/>
      <c r="S110" s="932"/>
      <c r="T110" s="932"/>
      <c r="U110" s="932"/>
      <c r="V110" s="932"/>
      <c r="W110" s="932"/>
      <c r="X110" s="932"/>
      <c r="Y110" s="932"/>
      <c r="Z110" s="933"/>
      <c r="AA110" s="934">
        <v>635759</v>
      </c>
      <c r="AB110" s="935"/>
      <c r="AC110" s="935"/>
      <c r="AD110" s="935"/>
      <c r="AE110" s="936"/>
      <c r="AF110" s="937">
        <v>653364</v>
      </c>
      <c r="AG110" s="935"/>
      <c r="AH110" s="935"/>
      <c r="AI110" s="935"/>
      <c r="AJ110" s="936"/>
      <c r="AK110" s="937">
        <v>701975</v>
      </c>
      <c r="AL110" s="935"/>
      <c r="AM110" s="935"/>
      <c r="AN110" s="935"/>
      <c r="AO110" s="936"/>
      <c r="AP110" s="938">
        <v>12.9</v>
      </c>
      <c r="AQ110" s="939"/>
      <c r="AR110" s="939"/>
      <c r="AS110" s="939"/>
      <c r="AT110" s="940"/>
      <c r="AU110" s="941" t="s">
        <v>75</v>
      </c>
      <c r="AV110" s="942"/>
      <c r="AW110" s="942"/>
      <c r="AX110" s="942"/>
      <c r="AY110" s="942"/>
      <c r="AZ110" s="964" t="s">
        <v>437</v>
      </c>
      <c r="BA110" s="932"/>
      <c r="BB110" s="932"/>
      <c r="BC110" s="932"/>
      <c r="BD110" s="932"/>
      <c r="BE110" s="932"/>
      <c r="BF110" s="932"/>
      <c r="BG110" s="932"/>
      <c r="BH110" s="932"/>
      <c r="BI110" s="932"/>
      <c r="BJ110" s="932"/>
      <c r="BK110" s="932"/>
      <c r="BL110" s="932"/>
      <c r="BM110" s="932"/>
      <c r="BN110" s="932"/>
      <c r="BO110" s="932"/>
      <c r="BP110" s="933"/>
      <c r="BQ110" s="965">
        <v>7517841</v>
      </c>
      <c r="BR110" s="966"/>
      <c r="BS110" s="966"/>
      <c r="BT110" s="966"/>
      <c r="BU110" s="966"/>
      <c r="BV110" s="966">
        <v>7349988</v>
      </c>
      <c r="BW110" s="966"/>
      <c r="BX110" s="966"/>
      <c r="BY110" s="966"/>
      <c r="BZ110" s="966"/>
      <c r="CA110" s="966">
        <v>6980430</v>
      </c>
      <c r="CB110" s="966"/>
      <c r="CC110" s="966"/>
      <c r="CD110" s="966"/>
      <c r="CE110" s="966"/>
      <c r="CF110" s="979">
        <v>128</v>
      </c>
      <c r="CG110" s="980"/>
      <c r="CH110" s="980"/>
      <c r="CI110" s="980"/>
      <c r="CJ110" s="980"/>
      <c r="CK110" s="981" t="s">
        <v>438</v>
      </c>
      <c r="CL110" s="982"/>
      <c r="CM110" s="964" t="s">
        <v>439</v>
      </c>
      <c r="CN110" s="932"/>
      <c r="CO110" s="932"/>
      <c r="CP110" s="932"/>
      <c r="CQ110" s="932"/>
      <c r="CR110" s="932"/>
      <c r="CS110" s="932"/>
      <c r="CT110" s="932"/>
      <c r="CU110" s="932"/>
      <c r="CV110" s="932"/>
      <c r="CW110" s="932"/>
      <c r="CX110" s="932"/>
      <c r="CY110" s="932"/>
      <c r="CZ110" s="932"/>
      <c r="DA110" s="932"/>
      <c r="DB110" s="932"/>
      <c r="DC110" s="932"/>
      <c r="DD110" s="932"/>
      <c r="DE110" s="932"/>
      <c r="DF110" s="933"/>
      <c r="DG110" s="965" t="s">
        <v>416</v>
      </c>
      <c r="DH110" s="966"/>
      <c r="DI110" s="966"/>
      <c r="DJ110" s="966"/>
      <c r="DK110" s="966"/>
      <c r="DL110" s="966" t="s">
        <v>398</v>
      </c>
      <c r="DM110" s="966"/>
      <c r="DN110" s="966"/>
      <c r="DO110" s="966"/>
      <c r="DP110" s="966"/>
      <c r="DQ110" s="966" t="s">
        <v>416</v>
      </c>
      <c r="DR110" s="966"/>
      <c r="DS110" s="966"/>
      <c r="DT110" s="966"/>
      <c r="DU110" s="966"/>
      <c r="DV110" s="967" t="s">
        <v>416</v>
      </c>
      <c r="DW110" s="967"/>
      <c r="DX110" s="967"/>
      <c r="DY110" s="967"/>
      <c r="DZ110" s="968"/>
    </row>
    <row r="111" spans="1:131" s="226" customFormat="1" ht="26.25" customHeight="1" x14ac:dyDescent="0.2">
      <c r="A111" s="969" t="s">
        <v>440</v>
      </c>
      <c r="B111" s="970"/>
      <c r="C111" s="970"/>
      <c r="D111" s="970"/>
      <c r="E111" s="970"/>
      <c r="F111" s="970"/>
      <c r="G111" s="970"/>
      <c r="H111" s="970"/>
      <c r="I111" s="970"/>
      <c r="J111" s="970"/>
      <c r="K111" s="970"/>
      <c r="L111" s="970"/>
      <c r="M111" s="970"/>
      <c r="N111" s="970"/>
      <c r="O111" s="970"/>
      <c r="P111" s="970"/>
      <c r="Q111" s="970"/>
      <c r="R111" s="970"/>
      <c r="S111" s="970"/>
      <c r="T111" s="970"/>
      <c r="U111" s="970"/>
      <c r="V111" s="970"/>
      <c r="W111" s="970"/>
      <c r="X111" s="970"/>
      <c r="Y111" s="970"/>
      <c r="Z111" s="971"/>
      <c r="AA111" s="972" t="s">
        <v>416</v>
      </c>
      <c r="AB111" s="973"/>
      <c r="AC111" s="973"/>
      <c r="AD111" s="973"/>
      <c r="AE111" s="974"/>
      <c r="AF111" s="975" t="s">
        <v>441</v>
      </c>
      <c r="AG111" s="973"/>
      <c r="AH111" s="973"/>
      <c r="AI111" s="973"/>
      <c r="AJ111" s="974"/>
      <c r="AK111" s="975" t="s">
        <v>398</v>
      </c>
      <c r="AL111" s="973"/>
      <c r="AM111" s="973"/>
      <c r="AN111" s="973"/>
      <c r="AO111" s="974"/>
      <c r="AP111" s="976" t="s">
        <v>416</v>
      </c>
      <c r="AQ111" s="977"/>
      <c r="AR111" s="977"/>
      <c r="AS111" s="977"/>
      <c r="AT111" s="978"/>
      <c r="AU111" s="943"/>
      <c r="AV111" s="944"/>
      <c r="AW111" s="944"/>
      <c r="AX111" s="944"/>
      <c r="AY111" s="944"/>
      <c r="AZ111" s="957" t="s">
        <v>442</v>
      </c>
      <c r="BA111" s="958"/>
      <c r="BB111" s="958"/>
      <c r="BC111" s="958"/>
      <c r="BD111" s="958"/>
      <c r="BE111" s="958"/>
      <c r="BF111" s="958"/>
      <c r="BG111" s="958"/>
      <c r="BH111" s="958"/>
      <c r="BI111" s="958"/>
      <c r="BJ111" s="958"/>
      <c r="BK111" s="958"/>
      <c r="BL111" s="958"/>
      <c r="BM111" s="958"/>
      <c r="BN111" s="958"/>
      <c r="BO111" s="958"/>
      <c r="BP111" s="959"/>
      <c r="BQ111" s="960" t="s">
        <v>416</v>
      </c>
      <c r="BR111" s="961"/>
      <c r="BS111" s="961"/>
      <c r="BT111" s="961"/>
      <c r="BU111" s="961"/>
      <c r="BV111" s="961" t="s">
        <v>441</v>
      </c>
      <c r="BW111" s="961"/>
      <c r="BX111" s="961"/>
      <c r="BY111" s="961"/>
      <c r="BZ111" s="961"/>
      <c r="CA111" s="961" t="s">
        <v>416</v>
      </c>
      <c r="CB111" s="961"/>
      <c r="CC111" s="961"/>
      <c r="CD111" s="961"/>
      <c r="CE111" s="961"/>
      <c r="CF111" s="955" t="s">
        <v>398</v>
      </c>
      <c r="CG111" s="956"/>
      <c r="CH111" s="956"/>
      <c r="CI111" s="956"/>
      <c r="CJ111" s="956"/>
      <c r="CK111" s="983"/>
      <c r="CL111" s="984"/>
      <c r="CM111" s="957" t="s">
        <v>443</v>
      </c>
      <c r="CN111" s="958"/>
      <c r="CO111" s="958"/>
      <c r="CP111" s="958"/>
      <c r="CQ111" s="958"/>
      <c r="CR111" s="958"/>
      <c r="CS111" s="958"/>
      <c r="CT111" s="958"/>
      <c r="CU111" s="958"/>
      <c r="CV111" s="958"/>
      <c r="CW111" s="958"/>
      <c r="CX111" s="958"/>
      <c r="CY111" s="958"/>
      <c r="CZ111" s="958"/>
      <c r="DA111" s="958"/>
      <c r="DB111" s="958"/>
      <c r="DC111" s="958"/>
      <c r="DD111" s="958"/>
      <c r="DE111" s="958"/>
      <c r="DF111" s="959"/>
      <c r="DG111" s="960" t="s">
        <v>444</v>
      </c>
      <c r="DH111" s="961"/>
      <c r="DI111" s="961"/>
      <c r="DJ111" s="961"/>
      <c r="DK111" s="961"/>
      <c r="DL111" s="961" t="s">
        <v>441</v>
      </c>
      <c r="DM111" s="961"/>
      <c r="DN111" s="961"/>
      <c r="DO111" s="961"/>
      <c r="DP111" s="961"/>
      <c r="DQ111" s="961" t="s">
        <v>441</v>
      </c>
      <c r="DR111" s="961"/>
      <c r="DS111" s="961"/>
      <c r="DT111" s="961"/>
      <c r="DU111" s="961"/>
      <c r="DV111" s="962" t="s">
        <v>441</v>
      </c>
      <c r="DW111" s="962"/>
      <c r="DX111" s="962"/>
      <c r="DY111" s="962"/>
      <c r="DZ111" s="963"/>
    </row>
    <row r="112" spans="1:131" s="226" customFormat="1" ht="26.25" customHeight="1" x14ac:dyDescent="0.2">
      <c r="A112" s="987" t="s">
        <v>445</v>
      </c>
      <c r="B112" s="988"/>
      <c r="C112" s="958" t="s">
        <v>446</v>
      </c>
      <c r="D112" s="958"/>
      <c r="E112" s="958"/>
      <c r="F112" s="958"/>
      <c r="G112" s="958"/>
      <c r="H112" s="958"/>
      <c r="I112" s="958"/>
      <c r="J112" s="958"/>
      <c r="K112" s="958"/>
      <c r="L112" s="958"/>
      <c r="M112" s="958"/>
      <c r="N112" s="958"/>
      <c r="O112" s="958"/>
      <c r="P112" s="958"/>
      <c r="Q112" s="958"/>
      <c r="R112" s="958"/>
      <c r="S112" s="958"/>
      <c r="T112" s="958"/>
      <c r="U112" s="958"/>
      <c r="V112" s="958"/>
      <c r="W112" s="958"/>
      <c r="X112" s="958"/>
      <c r="Y112" s="958"/>
      <c r="Z112" s="959"/>
      <c r="AA112" s="993" t="s">
        <v>416</v>
      </c>
      <c r="AB112" s="994"/>
      <c r="AC112" s="994"/>
      <c r="AD112" s="994"/>
      <c r="AE112" s="995"/>
      <c r="AF112" s="996" t="s">
        <v>441</v>
      </c>
      <c r="AG112" s="994"/>
      <c r="AH112" s="994"/>
      <c r="AI112" s="994"/>
      <c r="AJ112" s="995"/>
      <c r="AK112" s="996" t="s">
        <v>416</v>
      </c>
      <c r="AL112" s="994"/>
      <c r="AM112" s="994"/>
      <c r="AN112" s="994"/>
      <c r="AO112" s="995"/>
      <c r="AP112" s="997" t="s">
        <v>416</v>
      </c>
      <c r="AQ112" s="998"/>
      <c r="AR112" s="998"/>
      <c r="AS112" s="998"/>
      <c r="AT112" s="999"/>
      <c r="AU112" s="943"/>
      <c r="AV112" s="944"/>
      <c r="AW112" s="944"/>
      <c r="AX112" s="944"/>
      <c r="AY112" s="944"/>
      <c r="AZ112" s="957" t="s">
        <v>447</v>
      </c>
      <c r="BA112" s="958"/>
      <c r="BB112" s="958"/>
      <c r="BC112" s="958"/>
      <c r="BD112" s="958"/>
      <c r="BE112" s="958"/>
      <c r="BF112" s="958"/>
      <c r="BG112" s="958"/>
      <c r="BH112" s="958"/>
      <c r="BI112" s="958"/>
      <c r="BJ112" s="958"/>
      <c r="BK112" s="958"/>
      <c r="BL112" s="958"/>
      <c r="BM112" s="958"/>
      <c r="BN112" s="958"/>
      <c r="BO112" s="958"/>
      <c r="BP112" s="959"/>
      <c r="BQ112" s="960">
        <v>3354905</v>
      </c>
      <c r="BR112" s="961"/>
      <c r="BS112" s="961"/>
      <c r="BT112" s="961"/>
      <c r="BU112" s="961"/>
      <c r="BV112" s="961">
        <v>3329809</v>
      </c>
      <c r="BW112" s="961"/>
      <c r="BX112" s="961"/>
      <c r="BY112" s="961"/>
      <c r="BZ112" s="961"/>
      <c r="CA112" s="961">
        <v>3487360</v>
      </c>
      <c r="CB112" s="961"/>
      <c r="CC112" s="961"/>
      <c r="CD112" s="961"/>
      <c r="CE112" s="961"/>
      <c r="CF112" s="955">
        <v>64</v>
      </c>
      <c r="CG112" s="956"/>
      <c r="CH112" s="956"/>
      <c r="CI112" s="956"/>
      <c r="CJ112" s="956"/>
      <c r="CK112" s="983"/>
      <c r="CL112" s="984"/>
      <c r="CM112" s="957" t="s">
        <v>448</v>
      </c>
      <c r="CN112" s="958"/>
      <c r="CO112" s="958"/>
      <c r="CP112" s="958"/>
      <c r="CQ112" s="958"/>
      <c r="CR112" s="958"/>
      <c r="CS112" s="958"/>
      <c r="CT112" s="958"/>
      <c r="CU112" s="958"/>
      <c r="CV112" s="958"/>
      <c r="CW112" s="958"/>
      <c r="CX112" s="958"/>
      <c r="CY112" s="958"/>
      <c r="CZ112" s="958"/>
      <c r="DA112" s="958"/>
      <c r="DB112" s="958"/>
      <c r="DC112" s="958"/>
      <c r="DD112" s="958"/>
      <c r="DE112" s="958"/>
      <c r="DF112" s="959"/>
      <c r="DG112" s="960" t="s">
        <v>441</v>
      </c>
      <c r="DH112" s="961"/>
      <c r="DI112" s="961"/>
      <c r="DJ112" s="961"/>
      <c r="DK112" s="961"/>
      <c r="DL112" s="961" t="s">
        <v>449</v>
      </c>
      <c r="DM112" s="961"/>
      <c r="DN112" s="961"/>
      <c r="DO112" s="961"/>
      <c r="DP112" s="961"/>
      <c r="DQ112" s="961" t="s">
        <v>416</v>
      </c>
      <c r="DR112" s="961"/>
      <c r="DS112" s="961"/>
      <c r="DT112" s="961"/>
      <c r="DU112" s="961"/>
      <c r="DV112" s="962" t="s">
        <v>441</v>
      </c>
      <c r="DW112" s="962"/>
      <c r="DX112" s="962"/>
      <c r="DY112" s="962"/>
      <c r="DZ112" s="963"/>
    </row>
    <row r="113" spans="1:130" s="226" customFormat="1" ht="26.25" customHeight="1" x14ac:dyDescent="0.2">
      <c r="A113" s="989"/>
      <c r="B113" s="990"/>
      <c r="C113" s="958" t="s">
        <v>450</v>
      </c>
      <c r="D113" s="958"/>
      <c r="E113" s="958"/>
      <c r="F113" s="958"/>
      <c r="G113" s="958"/>
      <c r="H113" s="958"/>
      <c r="I113" s="958"/>
      <c r="J113" s="958"/>
      <c r="K113" s="958"/>
      <c r="L113" s="958"/>
      <c r="M113" s="958"/>
      <c r="N113" s="958"/>
      <c r="O113" s="958"/>
      <c r="P113" s="958"/>
      <c r="Q113" s="958"/>
      <c r="R113" s="958"/>
      <c r="S113" s="958"/>
      <c r="T113" s="958"/>
      <c r="U113" s="958"/>
      <c r="V113" s="958"/>
      <c r="W113" s="958"/>
      <c r="X113" s="958"/>
      <c r="Y113" s="958"/>
      <c r="Z113" s="959"/>
      <c r="AA113" s="972">
        <v>265682</v>
      </c>
      <c r="AB113" s="973"/>
      <c r="AC113" s="973"/>
      <c r="AD113" s="973"/>
      <c r="AE113" s="974"/>
      <c r="AF113" s="975">
        <v>285448</v>
      </c>
      <c r="AG113" s="973"/>
      <c r="AH113" s="973"/>
      <c r="AI113" s="973"/>
      <c r="AJ113" s="974"/>
      <c r="AK113" s="975">
        <v>287918</v>
      </c>
      <c r="AL113" s="973"/>
      <c r="AM113" s="973"/>
      <c r="AN113" s="973"/>
      <c r="AO113" s="974"/>
      <c r="AP113" s="976">
        <v>5.3</v>
      </c>
      <c r="AQ113" s="977"/>
      <c r="AR113" s="977"/>
      <c r="AS113" s="977"/>
      <c r="AT113" s="978"/>
      <c r="AU113" s="943"/>
      <c r="AV113" s="944"/>
      <c r="AW113" s="944"/>
      <c r="AX113" s="944"/>
      <c r="AY113" s="944"/>
      <c r="AZ113" s="957" t="s">
        <v>451</v>
      </c>
      <c r="BA113" s="958"/>
      <c r="BB113" s="958"/>
      <c r="BC113" s="958"/>
      <c r="BD113" s="958"/>
      <c r="BE113" s="958"/>
      <c r="BF113" s="958"/>
      <c r="BG113" s="958"/>
      <c r="BH113" s="958"/>
      <c r="BI113" s="958"/>
      <c r="BJ113" s="958"/>
      <c r="BK113" s="958"/>
      <c r="BL113" s="958"/>
      <c r="BM113" s="958"/>
      <c r="BN113" s="958"/>
      <c r="BO113" s="958"/>
      <c r="BP113" s="959"/>
      <c r="BQ113" s="960" t="s">
        <v>416</v>
      </c>
      <c r="BR113" s="961"/>
      <c r="BS113" s="961"/>
      <c r="BT113" s="961"/>
      <c r="BU113" s="961"/>
      <c r="BV113" s="961" t="s">
        <v>441</v>
      </c>
      <c r="BW113" s="961"/>
      <c r="BX113" s="961"/>
      <c r="BY113" s="961"/>
      <c r="BZ113" s="961"/>
      <c r="CA113" s="961" t="s">
        <v>449</v>
      </c>
      <c r="CB113" s="961"/>
      <c r="CC113" s="961"/>
      <c r="CD113" s="961"/>
      <c r="CE113" s="961"/>
      <c r="CF113" s="955" t="s">
        <v>449</v>
      </c>
      <c r="CG113" s="956"/>
      <c r="CH113" s="956"/>
      <c r="CI113" s="956"/>
      <c r="CJ113" s="956"/>
      <c r="CK113" s="983"/>
      <c r="CL113" s="984"/>
      <c r="CM113" s="957" t="s">
        <v>452</v>
      </c>
      <c r="CN113" s="958"/>
      <c r="CO113" s="958"/>
      <c r="CP113" s="958"/>
      <c r="CQ113" s="958"/>
      <c r="CR113" s="958"/>
      <c r="CS113" s="958"/>
      <c r="CT113" s="958"/>
      <c r="CU113" s="958"/>
      <c r="CV113" s="958"/>
      <c r="CW113" s="958"/>
      <c r="CX113" s="958"/>
      <c r="CY113" s="958"/>
      <c r="CZ113" s="958"/>
      <c r="DA113" s="958"/>
      <c r="DB113" s="958"/>
      <c r="DC113" s="958"/>
      <c r="DD113" s="958"/>
      <c r="DE113" s="958"/>
      <c r="DF113" s="959"/>
      <c r="DG113" s="993" t="s">
        <v>416</v>
      </c>
      <c r="DH113" s="994"/>
      <c r="DI113" s="994"/>
      <c r="DJ113" s="994"/>
      <c r="DK113" s="995"/>
      <c r="DL113" s="996" t="s">
        <v>416</v>
      </c>
      <c r="DM113" s="994"/>
      <c r="DN113" s="994"/>
      <c r="DO113" s="994"/>
      <c r="DP113" s="995"/>
      <c r="DQ113" s="996" t="s">
        <v>441</v>
      </c>
      <c r="DR113" s="994"/>
      <c r="DS113" s="994"/>
      <c r="DT113" s="994"/>
      <c r="DU113" s="995"/>
      <c r="DV113" s="997" t="s">
        <v>441</v>
      </c>
      <c r="DW113" s="998"/>
      <c r="DX113" s="998"/>
      <c r="DY113" s="998"/>
      <c r="DZ113" s="999"/>
    </row>
    <row r="114" spans="1:130" s="226" customFormat="1" ht="26.25" customHeight="1" x14ac:dyDescent="0.2">
      <c r="A114" s="989"/>
      <c r="B114" s="990"/>
      <c r="C114" s="958" t="s">
        <v>453</v>
      </c>
      <c r="D114" s="958"/>
      <c r="E114" s="958"/>
      <c r="F114" s="958"/>
      <c r="G114" s="958"/>
      <c r="H114" s="958"/>
      <c r="I114" s="958"/>
      <c r="J114" s="958"/>
      <c r="K114" s="958"/>
      <c r="L114" s="958"/>
      <c r="M114" s="958"/>
      <c r="N114" s="958"/>
      <c r="O114" s="958"/>
      <c r="P114" s="958"/>
      <c r="Q114" s="958"/>
      <c r="R114" s="958"/>
      <c r="S114" s="958"/>
      <c r="T114" s="958"/>
      <c r="U114" s="958"/>
      <c r="V114" s="958"/>
      <c r="W114" s="958"/>
      <c r="X114" s="958"/>
      <c r="Y114" s="958"/>
      <c r="Z114" s="959"/>
      <c r="AA114" s="993" t="s">
        <v>441</v>
      </c>
      <c r="AB114" s="994"/>
      <c r="AC114" s="994"/>
      <c r="AD114" s="994"/>
      <c r="AE114" s="995"/>
      <c r="AF114" s="996" t="s">
        <v>441</v>
      </c>
      <c r="AG114" s="994"/>
      <c r="AH114" s="994"/>
      <c r="AI114" s="994"/>
      <c r="AJ114" s="995"/>
      <c r="AK114" s="996" t="s">
        <v>416</v>
      </c>
      <c r="AL114" s="994"/>
      <c r="AM114" s="994"/>
      <c r="AN114" s="994"/>
      <c r="AO114" s="995"/>
      <c r="AP114" s="997" t="s">
        <v>416</v>
      </c>
      <c r="AQ114" s="998"/>
      <c r="AR114" s="998"/>
      <c r="AS114" s="998"/>
      <c r="AT114" s="999"/>
      <c r="AU114" s="943"/>
      <c r="AV114" s="944"/>
      <c r="AW114" s="944"/>
      <c r="AX114" s="944"/>
      <c r="AY114" s="944"/>
      <c r="AZ114" s="957" t="s">
        <v>454</v>
      </c>
      <c r="BA114" s="958"/>
      <c r="BB114" s="958"/>
      <c r="BC114" s="958"/>
      <c r="BD114" s="958"/>
      <c r="BE114" s="958"/>
      <c r="BF114" s="958"/>
      <c r="BG114" s="958"/>
      <c r="BH114" s="958"/>
      <c r="BI114" s="958"/>
      <c r="BJ114" s="958"/>
      <c r="BK114" s="958"/>
      <c r="BL114" s="958"/>
      <c r="BM114" s="958"/>
      <c r="BN114" s="958"/>
      <c r="BO114" s="958"/>
      <c r="BP114" s="959"/>
      <c r="BQ114" s="960">
        <v>1159956</v>
      </c>
      <c r="BR114" s="961"/>
      <c r="BS114" s="961"/>
      <c r="BT114" s="961"/>
      <c r="BU114" s="961"/>
      <c r="BV114" s="961">
        <v>1135507</v>
      </c>
      <c r="BW114" s="961"/>
      <c r="BX114" s="961"/>
      <c r="BY114" s="961"/>
      <c r="BZ114" s="961"/>
      <c r="CA114" s="961">
        <v>1039490</v>
      </c>
      <c r="CB114" s="961"/>
      <c r="CC114" s="961"/>
      <c r="CD114" s="961"/>
      <c r="CE114" s="961"/>
      <c r="CF114" s="955">
        <v>19.100000000000001</v>
      </c>
      <c r="CG114" s="956"/>
      <c r="CH114" s="956"/>
      <c r="CI114" s="956"/>
      <c r="CJ114" s="956"/>
      <c r="CK114" s="983"/>
      <c r="CL114" s="984"/>
      <c r="CM114" s="957" t="s">
        <v>455</v>
      </c>
      <c r="CN114" s="958"/>
      <c r="CO114" s="958"/>
      <c r="CP114" s="958"/>
      <c r="CQ114" s="958"/>
      <c r="CR114" s="958"/>
      <c r="CS114" s="958"/>
      <c r="CT114" s="958"/>
      <c r="CU114" s="958"/>
      <c r="CV114" s="958"/>
      <c r="CW114" s="958"/>
      <c r="CX114" s="958"/>
      <c r="CY114" s="958"/>
      <c r="CZ114" s="958"/>
      <c r="DA114" s="958"/>
      <c r="DB114" s="958"/>
      <c r="DC114" s="958"/>
      <c r="DD114" s="958"/>
      <c r="DE114" s="958"/>
      <c r="DF114" s="959"/>
      <c r="DG114" s="993" t="s">
        <v>416</v>
      </c>
      <c r="DH114" s="994"/>
      <c r="DI114" s="994"/>
      <c r="DJ114" s="994"/>
      <c r="DK114" s="995"/>
      <c r="DL114" s="996" t="s">
        <v>416</v>
      </c>
      <c r="DM114" s="994"/>
      <c r="DN114" s="994"/>
      <c r="DO114" s="994"/>
      <c r="DP114" s="995"/>
      <c r="DQ114" s="996" t="s">
        <v>449</v>
      </c>
      <c r="DR114" s="994"/>
      <c r="DS114" s="994"/>
      <c r="DT114" s="994"/>
      <c r="DU114" s="995"/>
      <c r="DV114" s="997" t="s">
        <v>449</v>
      </c>
      <c r="DW114" s="998"/>
      <c r="DX114" s="998"/>
      <c r="DY114" s="998"/>
      <c r="DZ114" s="999"/>
    </row>
    <row r="115" spans="1:130" s="226" customFormat="1" ht="26.25" customHeight="1" x14ac:dyDescent="0.2">
      <c r="A115" s="989"/>
      <c r="B115" s="990"/>
      <c r="C115" s="958" t="s">
        <v>456</v>
      </c>
      <c r="D115" s="958"/>
      <c r="E115" s="958"/>
      <c r="F115" s="958"/>
      <c r="G115" s="958"/>
      <c r="H115" s="958"/>
      <c r="I115" s="958"/>
      <c r="J115" s="958"/>
      <c r="K115" s="958"/>
      <c r="L115" s="958"/>
      <c r="M115" s="958"/>
      <c r="N115" s="958"/>
      <c r="O115" s="958"/>
      <c r="P115" s="958"/>
      <c r="Q115" s="958"/>
      <c r="R115" s="958"/>
      <c r="S115" s="958"/>
      <c r="T115" s="958"/>
      <c r="U115" s="958"/>
      <c r="V115" s="958"/>
      <c r="W115" s="958"/>
      <c r="X115" s="958"/>
      <c r="Y115" s="958"/>
      <c r="Z115" s="959"/>
      <c r="AA115" s="972" t="s">
        <v>416</v>
      </c>
      <c r="AB115" s="973"/>
      <c r="AC115" s="973"/>
      <c r="AD115" s="973"/>
      <c r="AE115" s="974"/>
      <c r="AF115" s="975" t="s">
        <v>416</v>
      </c>
      <c r="AG115" s="973"/>
      <c r="AH115" s="973"/>
      <c r="AI115" s="973"/>
      <c r="AJ115" s="974"/>
      <c r="AK115" s="975" t="s">
        <v>416</v>
      </c>
      <c r="AL115" s="973"/>
      <c r="AM115" s="973"/>
      <c r="AN115" s="973"/>
      <c r="AO115" s="974"/>
      <c r="AP115" s="976" t="s">
        <v>416</v>
      </c>
      <c r="AQ115" s="977"/>
      <c r="AR115" s="977"/>
      <c r="AS115" s="977"/>
      <c r="AT115" s="978"/>
      <c r="AU115" s="943"/>
      <c r="AV115" s="944"/>
      <c r="AW115" s="944"/>
      <c r="AX115" s="944"/>
      <c r="AY115" s="944"/>
      <c r="AZ115" s="957" t="s">
        <v>457</v>
      </c>
      <c r="BA115" s="958"/>
      <c r="BB115" s="958"/>
      <c r="BC115" s="958"/>
      <c r="BD115" s="958"/>
      <c r="BE115" s="958"/>
      <c r="BF115" s="958"/>
      <c r="BG115" s="958"/>
      <c r="BH115" s="958"/>
      <c r="BI115" s="958"/>
      <c r="BJ115" s="958"/>
      <c r="BK115" s="958"/>
      <c r="BL115" s="958"/>
      <c r="BM115" s="958"/>
      <c r="BN115" s="958"/>
      <c r="BO115" s="958"/>
      <c r="BP115" s="959"/>
      <c r="BQ115" s="960" t="s">
        <v>416</v>
      </c>
      <c r="BR115" s="961"/>
      <c r="BS115" s="961"/>
      <c r="BT115" s="961"/>
      <c r="BU115" s="961"/>
      <c r="BV115" s="961" t="s">
        <v>416</v>
      </c>
      <c r="BW115" s="961"/>
      <c r="BX115" s="961"/>
      <c r="BY115" s="961"/>
      <c r="BZ115" s="961"/>
      <c r="CA115" s="961" t="s">
        <v>441</v>
      </c>
      <c r="CB115" s="961"/>
      <c r="CC115" s="961"/>
      <c r="CD115" s="961"/>
      <c r="CE115" s="961"/>
      <c r="CF115" s="955" t="s">
        <v>416</v>
      </c>
      <c r="CG115" s="956"/>
      <c r="CH115" s="956"/>
      <c r="CI115" s="956"/>
      <c r="CJ115" s="956"/>
      <c r="CK115" s="983"/>
      <c r="CL115" s="984"/>
      <c r="CM115" s="957" t="s">
        <v>458</v>
      </c>
      <c r="CN115" s="958"/>
      <c r="CO115" s="958"/>
      <c r="CP115" s="958"/>
      <c r="CQ115" s="958"/>
      <c r="CR115" s="958"/>
      <c r="CS115" s="958"/>
      <c r="CT115" s="958"/>
      <c r="CU115" s="958"/>
      <c r="CV115" s="958"/>
      <c r="CW115" s="958"/>
      <c r="CX115" s="958"/>
      <c r="CY115" s="958"/>
      <c r="CZ115" s="958"/>
      <c r="DA115" s="958"/>
      <c r="DB115" s="958"/>
      <c r="DC115" s="958"/>
      <c r="DD115" s="958"/>
      <c r="DE115" s="958"/>
      <c r="DF115" s="959"/>
      <c r="DG115" s="993" t="s">
        <v>416</v>
      </c>
      <c r="DH115" s="994"/>
      <c r="DI115" s="994"/>
      <c r="DJ115" s="994"/>
      <c r="DK115" s="995"/>
      <c r="DL115" s="996" t="s">
        <v>416</v>
      </c>
      <c r="DM115" s="994"/>
      <c r="DN115" s="994"/>
      <c r="DO115" s="994"/>
      <c r="DP115" s="995"/>
      <c r="DQ115" s="996" t="s">
        <v>416</v>
      </c>
      <c r="DR115" s="994"/>
      <c r="DS115" s="994"/>
      <c r="DT115" s="994"/>
      <c r="DU115" s="995"/>
      <c r="DV115" s="997" t="s">
        <v>416</v>
      </c>
      <c r="DW115" s="998"/>
      <c r="DX115" s="998"/>
      <c r="DY115" s="998"/>
      <c r="DZ115" s="999"/>
    </row>
    <row r="116" spans="1:130" s="226" customFormat="1" ht="26.25" customHeight="1" x14ac:dyDescent="0.2">
      <c r="A116" s="991"/>
      <c r="B116" s="992"/>
      <c r="C116" s="1000" t="s">
        <v>459</v>
      </c>
      <c r="D116" s="1000"/>
      <c r="E116" s="1000"/>
      <c r="F116" s="1000"/>
      <c r="G116" s="1000"/>
      <c r="H116" s="1000"/>
      <c r="I116" s="1000"/>
      <c r="J116" s="1000"/>
      <c r="K116" s="1000"/>
      <c r="L116" s="1000"/>
      <c r="M116" s="1000"/>
      <c r="N116" s="1000"/>
      <c r="O116" s="1000"/>
      <c r="P116" s="1000"/>
      <c r="Q116" s="1000"/>
      <c r="R116" s="1000"/>
      <c r="S116" s="1000"/>
      <c r="T116" s="1000"/>
      <c r="U116" s="1000"/>
      <c r="V116" s="1000"/>
      <c r="W116" s="1000"/>
      <c r="X116" s="1000"/>
      <c r="Y116" s="1000"/>
      <c r="Z116" s="1001"/>
      <c r="AA116" s="993" t="s">
        <v>416</v>
      </c>
      <c r="AB116" s="994"/>
      <c r="AC116" s="994"/>
      <c r="AD116" s="994"/>
      <c r="AE116" s="995"/>
      <c r="AF116" s="996" t="s">
        <v>441</v>
      </c>
      <c r="AG116" s="994"/>
      <c r="AH116" s="994"/>
      <c r="AI116" s="994"/>
      <c r="AJ116" s="995"/>
      <c r="AK116" s="996" t="s">
        <v>416</v>
      </c>
      <c r="AL116" s="994"/>
      <c r="AM116" s="994"/>
      <c r="AN116" s="994"/>
      <c r="AO116" s="995"/>
      <c r="AP116" s="997" t="s">
        <v>449</v>
      </c>
      <c r="AQ116" s="998"/>
      <c r="AR116" s="998"/>
      <c r="AS116" s="998"/>
      <c r="AT116" s="999"/>
      <c r="AU116" s="943"/>
      <c r="AV116" s="944"/>
      <c r="AW116" s="944"/>
      <c r="AX116" s="944"/>
      <c r="AY116" s="944"/>
      <c r="AZ116" s="1002" t="s">
        <v>460</v>
      </c>
      <c r="BA116" s="1003"/>
      <c r="BB116" s="1003"/>
      <c r="BC116" s="1003"/>
      <c r="BD116" s="1003"/>
      <c r="BE116" s="1003"/>
      <c r="BF116" s="1003"/>
      <c r="BG116" s="1003"/>
      <c r="BH116" s="1003"/>
      <c r="BI116" s="1003"/>
      <c r="BJ116" s="1003"/>
      <c r="BK116" s="1003"/>
      <c r="BL116" s="1003"/>
      <c r="BM116" s="1003"/>
      <c r="BN116" s="1003"/>
      <c r="BO116" s="1003"/>
      <c r="BP116" s="1004"/>
      <c r="BQ116" s="960" t="s">
        <v>441</v>
      </c>
      <c r="BR116" s="961"/>
      <c r="BS116" s="961"/>
      <c r="BT116" s="961"/>
      <c r="BU116" s="961"/>
      <c r="BV116" s="961" t="s">
        <v>416</v>
      </c>
      <c r="BW116" s="961"/>
      <c r="BX116" s="961"/>
      <c r="BY116" s="961"/>
      <c r="BZ116" s="961"/>
      <c r="CA116" s="961" t="s">
        <v>416</v>
      </c>
      <c r="CB116" s="961"/>
      <c r="CC116" s="961"/>
      <c r="CD116" s="961"/>
      <c r="CE116" s="961"/>
      <c r="CF116" s="955" t="s">
        <v>416</v>
      </c>
      <c r="CG116" s="956"/>
      <c r="CH116" s="956"/>
      <c r="CI116" s="956"/>
      <c r="CJ116" s="956"/>
      <c r="CK116" s="983"/>
      <c r="CL116" s="984"/>
      <c r="CM116" s="957" t="s">
        <v>461</v>
      </c>
      <c r="CN116" s="958"/>
      <c r="CO116" s="958"/>
      <c r="CP116" s="958"/>
      <c r="CQ116" s="958"/>
      <c r="CR116" s="958"/>
      <c r="CS116" s="958"/>
      <c r="CT116" s="958"/>
      <c r="CU116" s="958"/>
      <c r="CV116" s="958"/>
      <c r="CW116" s="958"/>
      <c r="CX116" s="958"/>
      <c r="CY116" s="958"/>
      <c r="CZ116" s="958"/>
      <c r="DA116" s="958"/>
      <c r="DB116" s="958"/>
      <c r="DC116" s="958"/>
      <c r="DD116" s="958"/>
      <c r="DE116" s="958"/>
      <c r="DF116" s="959"/>
      <c r="DG116" s="993" t="s">
        <v>441</v>
      </c>
      <c r="DH116" s="994"/>
      <c r="DI116" s="994"/>
      <c r="DJ116" s="994"/>
      <c r="DK116" s="995"/>
      <c r="DL116" s="996" t="s">
        <v>416</v>
      </c>
      <c r="DM116" s="994"/>
      <c r="DN116" s="994"/>
      <c r="DO116" s="994"/>
      <c r="DP116" s="995"/>
      <c r="DQ116" s="996" t="s">
        <v>416</v>
      </c>
      <c r="DR116" s="994"/>
      <c r="DS116" s="994"/>
      <c r="DT116" s="994"/>
      <c r="DU116" s="995"/>
      <c r="DV116" s="997" t="s">
        <v>441</v>
      </c>
      <c r="DW116" s="998"/>
      <c r="DX116" s="998"/>
      <c r="DY116" s="998"/>
      <c r="DZ116" s="999"/>
    </row>
    <row r="117" spans="1:130" s="226" customFormat="1" ht="26.25" customHeight="1" x14ac:dyDescent="0.2">
      <c r="A117" s="947" t="s">
        <v>193</v>
      </c>
      <c r="B117" s="928"/>
      <c r="C117" s="928"/>
      <c r="D117" s="928"/>
      <c r="E117" s="928"/>
      <c r="F117" s="928"/>
      <c r="G117" s="928"/>
      <c r="H117" s="928"/>
      <c r="I117" s="928"/>
      <c r="J117" s="928"/>
      <c r="K117" s="928"/>
      <c r="L117" s="928"/>
      <c r="M117" s="928"/>
      <c r="N117" s="928"/>
      <c r="O117" s="928"/>
      <c r="P117" s="928"/>
      <c r="Q117" s="928"/>
      <c r="R117" s="928"/>
      <c r="S117" s="928"/>
      <c r="T117" s="928"/>
      <c r="U117" s="928"/>
      <c r="V117" s="928"/>
      <c r="W117" s="928"/>
      <c r="X117" s="928"/>
      <c r="Y117" s="1012" t="s">
        <v>462</v>
      </c>
      <c r="Z117" s="929"/>
      <c r="AA117" s="1013">
        <v>901441</v>
      </c>
      <c r="AB117" s="1014"/>
      <c r="AC117" s="1014"/>
      <c r="AD117" s="1014"/>
      <c r="AE117" s="1015"/>
      <c r="AF117" s="1016">
        <v>938812</v>
      </c>
      <c r="AG117" s="1014"/>
      <c r="AH117" s="1014"/>
      <c r="AI117" s="1014"/>
      <c r="AJ117" s="1015"/>
      <c r="AK117" s="1016">
        <v>989893</v>
      </c>
      <c r="AL117" s="1014"/>
      <c r="AM117" s="1014"/>
      <c r="AN117" s="1014"/>
      <c r="AO117" s="1015"/>
      <c r="AP117" s="1017"/>
      <c r="AQ117" s="1018"/>
      <c r="AR117" s="1018"/>
      <c r="AS117" s="1018"/>
      <c r="AT117" s="1019"/>
      <c r="AU117" s="943"/>
      <c r="AV117" s="944"/>
      <c r="AW117" s="944"/>
      <c r="AX117" s="944"/>
      <c r="AY117" s="944"/>
      <c r="AZ117" s="1009" t="s">
        <v>463</v>
      </c>
      <c r="BA117" s="1010"/>
      <c r="BB117" s="1010"/>
      <c r="BC117" s="1010"/>
      <c r="BD117" s="1010"/>
      <c r="BE117" s="1010"/>
      <c r="BF117" s="1010"/>
      <c r="BG117" s="1010"/>
      <c r="BH117" s="1010"/>
      <c r="BI117" s="1010"/>
      <c r="BJ117" s="1010"/>
      <c r="BK117" s="1010"/>
      <c r="BL117" s="1010"/>
      <c r="BM117" s="1010"/>
      <c r="BN117" s="1010"/>
      <c r="BO117" s="1010"/>
      <c r="BP117" s="1011"/>
      <c r="BQ117" s="960" t="s">
        <v>398</v>
      </c>
      <c r="BR117" s="961"/>
      <c r="BS117" s="961"/>
      <c r="BT117" s="961"/>
      <c r="BU117" s="961"/>
      <c r="BV117" s="961" t="s">
        <v>416</v>
      </c>
      <c r="BW117" s="961"/>
      <c r="BX117" s="961"/>
      <c r="BY117" s="961"/>
      <c r="BZ117" s="961"/>
      <c r="CA117" s="961" t="s">
        <v>416</v>
      </c>
      <c r="CB117" s="961"/>
      <c r="CC117" s="961"/>
      <c r="CD117" s="961"/>
      <c r="CE117" s="961"/>
      <c r="CF117" s="955" t="s">
        <v>416</v>
      </c>
      <c r="CG117" s="956"/>
      <c r="CH117" s="956"/>
      <c r="CI117" s="956"/>
      <c r="CJ117" s="956"/>
      <c r="CK117" s="983"/>
      <c r="CL117" s="984"/>
      <c r="CM117" s="957" t="s">
        <v>464</v>
      </c>
      <c r="CN117" s="958"/>
      <c r="CO117" s="958"/>
      <c r="CP117" s="958"/>
      <c r="CQ117" s="958"/>
      <c r="CR117" s="958"/>
      <c r="CS117" s="958"/>
      <c r="CT117" s="958"/>
      <c r="CU117" s="958"/>
      <c r="CV117" s="958"/>
      <c r="CW117" s="958"/>
      <c r="CX117" s="958"/>
      <c r="CY117" s="958"/>
      <c r="CZ117" s="958"/>
      <c r="DA117" s="958"/>
      <c r="DB117" s="958"/>
      <c r="DC117" s="958"/>
      <c r="DD117" s="958"/>
      <c r="DE117" s="958"/>
      <c r="DF117" s="959"/>
      <c r="DG117" s="993" t="s">
        <v>416</v>
      </c>
      <c r="DH117" s="994"/>
      <c r="DI117" s="994"/>
      <c r="DJ117" s="994"/>
      <c r="DK117" s="995"/>
      <c r="DL117" s="996" t="s">
        <v>416</v>
      </c>
      <c r="DM117" s="994"/>
      <c r="DN117" s="994"/>
      <c r="DO117" s="994"/>
      <c r="DP117" s="995"/>
      <c r="DQ117" s="996" t="s">
        <v>416</v>
      </c>
      <c r="DR117" s="994"/>
      <c r="DS117" s="994"/>
      <c r="DT117" s="994"/>
      <c r="DU117" s="995"/>
      <c r="DV117" s="997" t="s">
        <v>416</v>
      </c>
      <c r="DW117" s="998"/>
      <c r="DX117" s="998"/>
      <c r="DY117" s="998"/>
      <c r="DZ117" s="999"/>
    </row>
    <row r="118" spans="1:130" s="226" customFormat="1" ht="26.25" customHeight="1" x14ac:dyDescent="0.2">
      <c r="A118" s="947" t="s">
        <v>435</v>
      </c>
      <c r="B118" s="928"/>
      <c r="C118" s="928"/>
      <c r="D118" s="928"/>
      <c r="E118" s="928"/>
      <c r="F118" s="928"/>
      <c r="G118" s="928"/>
      <c r="H118" s="928"/>
      <c r="I118" s="928"/>
      <c r="J118" s="928"/>
      <c r="K118" s="928"/>
      <c r="L118" s="928"/>
      <c r="M118" s="928"/>
      <c r="N118" s="928"/>
      <c r="O118" s="928"/>
      <c r="P118" s="928"/>
      <c r="Q118" s="928"/>
      <c r="R118" s="928"/>
      <c r="S118" s="928"/>
      <c r="T118" s="928"/>
      <c r="U118" s="928"/>
      <c r="V118" s="928"/>
      <c r="W118" s="928"/>
      <c r="X118" s="928"/>
      <c r="Y118" s="928"/>
      <c r="Z118" s="929"/>
      <c r="AA118" s="927" t="s">
        <v>432</v>
      </c>
      <c r="AB118" s="928"/>
      <c r="AC118" s="928"/>
      <c r="AD118" s="928"/>
      <c r="AE118" s="929"/>
      <c r="AF118" s="927" t="s">
        <v>433</v>
      </c>
      <c r="AG118" s="928"/>
      <c r="AH118" s="928"/>
      <c r="AI118" s="928"/>
      <c r="AJ118" s="929"/>
      <c r="AK118" s="927" t="s">
        <v>314</v>
      </c>
      <c r="AL118" s="928"/>
      <c r="AM118" s="928"/>
      <c r="AN118" s="928"/>
      <c r="AO118" s="929"/>
      <c r="AP118" s="1005" t="s">
        <v>434</v>
      </c>
      <c r="AQ118" s="1006"/>
      <c r="AR118" s="1006"/>
      <c r="AS118" s="1006"/>
      <c r="AT118" s="1007"/>
      <c r="AU118" s="943"/>
      <c r="AV118" s="944"/>
      <c r="AW118" s="944"/>
      <c r="AX118" s="944"/>
      <c r="AY118" s="944"/>
      <c r="AZ118" s="1008" t="s">
        <v>465</v>
      </c>
      <c r="BA118" s="1000"/>
      <c r="BB118" s="1000"/>
      <c r="BC118" s="1000"/>
      <c r="BD118" s="1000"/>
      <c r="BE118" s="1000"/>
      <c r="BF118" s="1000"/>
      <c r="BG118" s="1000"/>
      <c r="BH118" s="1000"/>
      <c r="BI118" s="1000"/>
      <c r="BJ118" s="1000"/>
      <c r="BK118" s="1000"/>
      <c r="BL118" s="1000"/>
      <c r="BM118" s="1000"/>
      <c r="BN118" s="1000"/>
      <c r="BO118" s="1000"/>
      <c r="BP118" s="1001"/>
      <c r="BQ118" s="1034" t="s">
        <v>416</v>
      </c>
      <c r="BR118" s="1035"/>
      <c r="BS118" s="1035"/>
      <c r="BT118" s="1035"/>
      <c r="BU118" s="1035"/>
      <c r="BV118" s="1035" t="s">
        <v>416</v>
      </c>
      <c r="BW118" s="1035"/>
      <c r="BX118" s="1035"/>
      <c r="BY118" s="1035"/>
      <c r="BZ118" s="1035"/>
      <c r="CA118" s="1035" t="s">
        <v>416</v>
      </c>
      <c r="CB118" s="1035"/>
      <c r="CC118" s="1035"/>
      <c r="CD118" s="1035"/>
      <c r="CE118" s="1035"/>
      <c r="CF118" s="955" t="s">
        <v>416</v>
      </c>
      <c r="CG118" s="956"/>
      <c r="CH118" s="956"/>
      <c r="CI118" s="956"/>
      <c r="CJ118" s="956"/>
      <c r="CK118" s="983"/>
      <c r="CL118" s="984"/>
      <c r="CM118" s="957" t="s">
        <v>466</v>
      </c>
      <c r="CN118" s="958"/>
      <c r="CO118" s="958"/>
      <c r="CP118" s="958"/>
      <c r="CQ118" s="958"/>
      <c r="CR118" s="958"/>
      <c r="CS118" s="958"/>
      <c r="CT118" s="958"/>
      <c r="CU118" s="958"/>
      <c r="CV118" s="958"/>
      <c r="CW118" s="958"/>
      <c r="CX118" s="958"/>
      <c r="CY118" s="958"/>
      <c r="CZ118" s="958"/>
      <c r="DA118" s="958"/>
      <c r="DB118" s="958"/>
      <c r="DC118" s="958"/>
      <c r="DD118" s="958"/>
      <c r="DE118" s="958"/>
      <c r="DF118" s="959"/>
      <c r="DG118" s="993" t="s">
        <v>416</v>
      </c>
      <c r="DH118" s="994"/>
      <c r="DI118" s="994"/>
      <c r="DJ118" s="994"/>
      <c r="DK118" s="995"/>
      <c r="DL118" s="996" t="s">
        <v>398</v>
      </c>
      <c r="DM118" s="994"/>
      <c r="DN118" s="994"/>
      <c r="DO118" s="994"/>
      <c r="DP118" s="995"/>
      <c r="DQ118" s="996" t="s">
        <v>398</v>
      </c>
      <c r="DR118" s="994"/>
      <c r="DS118" s="994"/>
      <c r="DT118" s="994"/>
      <c r="DU118" s="995"/>
      <c r="DV118" s="997" t="s">
        <v>416</v>
      </c>
      <c r="DW118" s="998"/>
      <c r="DX118" s="998"/>
      <c r="DY118" s="998"/>
      <c r="DZ118" s="999"/>
    </row>
    <row r="119" spans="1:130" s="226" customFormat="1" ht="26.25" customHeight="1" x14ac:dyDescent="0.2">
      <c r="A119" s="1091" t="s">
        <v>438</v>
      </c>
      <c r="B119" s="982"/>
      <c r="C119" s="964" t="s">
        <v>439</v>
      </c>
      <c r="D119" s="932"/>
      <c r="E119" s="932"/>
      <c r="F119" s="932"/>
      <c r="G119" s="932"/>
      <c r="H119" s="932"/>
      <c r="I119" s="932"/>
      <c r="J119" s="932"/>
      <c r="K119" s="932"/>
      <c r="L119" s="932"/>
      <c r="M119" s="932"/>
      <c r="N119" s="932"/>
      <c r="O119" s="932"/>
      <c r="P119" s="932"/>
      <c r="Q119" s="932"/>
      <c r="R119" s="932"/>
      <c r="S119" s="932"/>
      <c r="T119" s="932"/>
      <c r="U119" s="932"/>
      <c r="V119" s="932"/>
      <c r="W119" s="932"/>
      <c r="X119" s="932"/>
      <c r="Y119" s="932"/>
      <c r="Z119" s="933"/>
      <c r="AA119" s="934" t="s">
        <v>416</v>
      </c>
      <c r="AB119" s="935"/>
      <c r="AC119" s="935"/>
      <c r="AD119" s="935"/>
      <c r="AE119" s="936"/>
      <c r="AF119" s="937" t="s">
        <v>416</v>
      </c>
      <c r="AG119" s="935"/>
      <c r="AH119" s="935"/>
      <c r="AI119" s="935"/>
      <c r="AJ119" s="936"/>
      <c r="AK119" s="937" t="s">
        <v>416</v>
      </c>
      <c r="AL119" s="935"/>
      <c r="AM119" s="935"/>
      <c r="AN119" s="935"/>
      <c r="AO119" s="936"/>
      <c r="AP119" s="938" t="s">
        <v>416</v>
      </c>
      <c r="AQ119" s="939"/>
      <c r="AR119" s="939"/>
      <c r="AS119" s="939"/>
      <c r="AT119" s="940"/>
      <c r="AU119" s="945"/>
      <c r="AV119" s="946"/>
      <c r="AW119" s="946"/>
      <c r="AX119" s="946"/>
      <c r="AY119" s="946"/>
      <c r="AZ119" s="247" t="s">
        <v>193</v>
      </c>
      <c r="BA119" s="247"/>
      <c r="BB119" s="247"/>
      <c r="BC119" s="247"/>
      <c r="BD119" s="247"/>
      <c r="BE119" s="247"/>
      <c r="BF119" s="247"/>
      <c r="BG119" s="247"/>
      <c r="BH119" s="247"/>
      <c r="BI119" s="247"/>
      <c r="BJ119" s="247"/>
      <c r="BK119" s="247"/>
      <c r="BL119" s="247"/>
      <c r="BM119" s="247"/>
      <c r="BN119" s="247"/>
      <c r="BO119" s="1012" t="s">
        <v>467</v>
      </c>
      <c r="BP119" s="1040"/>
      <c r="BQ119" s="1034">
        <v>12032702</v>
      </c>
      <c r="BR119" s="1035"/>
      <c r="BS119" s="1035"/>
      <c r="BT119" s="1035"/>
      <c r="BU119" s="1035"/>
      <c r="BV119" s="1035">
        <v>11815304</v>
      </c>
      <c r="BW119" s="1035"/>
      <c r="BX119" s="1035"/>
      <c r="BY119" s="1035"/>
      <c r="BZ119" s="1035"/>
      <c r="CA119" s="1035">
        <v>11507280</v>
      </c>
      <c r="CB119" s="1035"/>
      <c r="CC119" s="1035"/>
      <c r="CD119" s="1035"/>
      <c r="CE119" s="1035"/>
      <c r="CF119" s="1036"/>
      <c r="CG119" s="1037"/>
      <c r="CH119" s="1037"/>
      <c r="CI119" s="1037"/>
      <c r="CJ119" s="1038"/>
      <c r="CK119" s="985"/>
      <c r="CL119" s="986"/>
      <c r="CM119" s="1008" t="s">
        <v>468</v>
      </c>
      <c r="CN119" s="1000"/>
      <c r="CO119" s="1000"/>
      <c r="CP119" s="1000"/>
      <c r="CQ119" s="1000"/>
      <c r="CR119" s="1000"/>
      <c r="CS119" s="1000"/>
      <c r="CT119" s="1000"/>
      <c r="CU119" s="1000"/>
      <c r="CV119" s="1000"/>
      <c r="CW119" s="1000"/>
      <c r="CX119" s="1000"/>
      <c r="CY119" s="1000"/>
      <c r="CZ119" s="1000"/>
      <c r="DA119" s="1000"/>
      <c r="DB119" s="1000"/>
      <c r="DC119" s="1000"/>
      <c r="DD119" s="1000"/>
      <c r="DE119" s="1000"/>
      <c r="DF119" s="1001"/>
      <c r="DG119" s="1039" t="s">
        <v>398</v>
      </c>
      <c r="DH119" s="1021"/>
      <c r="DI119" s="1021"/>
      <c r="DJ119" s="1021"/>
      <c r="DK119" s="1022"/>
      <c r="DL119" s="1020" t="s">
        <v>398</v>
      </c>
      <c r="DM119" s="1021"/>
      <c r="DN119" s="1021"/>
      <c r="DO119" s="1021"/>
      <c r="DP119" s="1022"/>
      <c r="DQ119" s="1020" t="s">
        <v>416</v>
      </c>
      <c r="DR119" s="1021"/>
      <c r="DS119" s="1021"/>
      <c r="DT119" s="1021"/>
      <c r="DU119" s="1022"/>
      <c r="DV119" s="1023" t="s">
        <v>416</v>
      </c>
      <c r="DW119" s="1024"/>
      <c r="DX119" s="1024"/>
      <c r="DY119" s="1024"/>
      <c r="DZ119" s="1025"/>
    </row>
    <row r="120" spans="1:130" s="226" customFormat="1" ht="26.25" customHeight="1" x14ac:dyDescent="0.2">
      <c r="A120" s="1092"/>
      <c r="B120" s="984"/>
      <c r="C120" s="957" t="s">
        <v>443</v>
      </c>
      <c r="D120" s="958"/>
      <c r="E120" s="958"/>
      <c r="F120" s="958"/>
      <c r="G120" s="958"/>
      <c r="H120" s="958"/>
      <c r="I120" s="958"/>
      <c r="J120" s="958"/>
      <c r="K120" s="958"/>
      <c r="L120" s="958"/>
      <c r="M120" s="958"/>
      <c r="N120" s="958"/>
      <c r="O120" s="958"/>
      <c r="P120" s="958"/>
      <c r="Q120" s="958"/>
      <c r="R120" s="958"/>
      <c r="S120" s="958"/>
      <c r="T120" s="958"/>
      <c r="U120" s="958"/>
      <c r="V120" s="958"/>
      <c r="W120" s="958"/>
      <c r="X120" s="958"/>
      <c r="Y120" s="958"/>
      <c r="Z120" s="959"/>
      <c r="AA120" s="993" t="s">
        <v>398</v>
      </c>
      <c r="AB120" s="994"/>
      <c r="AC120" s="994"/>
      <c r="AD120" s="994"/>
      <c r="AE120" s="995"/>
      <c r="AF120" s="996" t="s">
        <v>398</v>
      </c>
      <c r="AG120" s="994"/>
      <c r="AH120" s="994"/>
      <c r="AI120" s="994"/>
      <c r="AJ120" s="995"/>
      <c r="AK120" s="996" t="s">
        <v>416</v>
      </c>
      <c r="AL120" s="994"/>
      <c r="AM120" s="994"/>
      <c r="AN120" s="994"/>
      <c r="AO120" s="995"/>
      <c r="AP120" s="997" t="s">
        <v>398</v>
      </c>
      <c r="AQ120" s="998"/>
      <c r="AR120" s="998"/>
      <c r="AS120" s="998"/>
      <c r="AT120" s="999"/>
      <c r="AU120" s="1026" t="s">
        <v>469</v>
      </c>
      <c r="AV120" s="1027"/>
      <c r="AW120" s="1027"/>
      <c r="AX120" s="1027"/>
      <c r="AY120" s="1028"/>
      <c r="AZ120" s="964" t="s">
        <v>470</v>
      </c>
      <c r="BA120" s="932"/>
      <c r="BB120" s="932"/>
      <c r="BC120" s="932"/>
      <c r="BD120" s="932"/>
      <c r="BE120" s="932"/>
      <c r="BF120" s="932"/>
      <c r="BG120" s="932"/>
      <c r="BH120" s="932"/>
      <c r="BI120" s="932"/>
      <c r="BJ120" s="932"/>
      <c r="BK120" s="932"/>
      <c r="BL120" s="932"/>
      <c r="BM120" s="932"/>
      <c r="BN120" s="932"/>
      <c r="BO120" s="932"/>
      <c r="BP120" s="933"/>
      <c r="BQ120" s="965">
        <v>2236676</v>
      </c>
      <c r="BR120" s="966"/>
      <c r="BS120" s="966"/>
      <c r="BT120" s="966"/>
      <c r="BU120" s="966"/>
      <c r="BV120" s="966">
        <v>2704923</v>
      </c>
      <c r="BW120" s="966"/>
      <c r="BX120" s="966"/>
      <c r="BY120" s="966"/>
      <c r="BZ120" s="966"/>
      <c r="CA120" s="966">
        <v>2836787</v>
      </c>
      <c r="CB120" s="966"/>
      <c r="CC120" s="966"/>
      <c r="CD120" s="966"/>
      <c r="CE120" s="966"/>
      <c r="CF120" s="979">
        <v>52</v>
      </c>
      <c r="CG120" s="980"/>
      <c r="CH120" s="980"/>
      <c r="CI120" s="980"/>
      <c r="CJ120" s="980"/>
      <c r="CK120" s="1041" t="s">
        <v>471</v>
      </c>
      <c r="CL120" s="1042"/>
      <c r="CM120" s="1042"/>
      <c r="CN120" s="1042"/>
      <c r="CO120" s="1043"/>
      <c r="CP120" s="1049" t="s">
        <v>472</v>
      </c>
      <c r="CQ120" s="1050"/>
      <c r="CR120" s="1050"/>
      <c r="CS120" s="1050"/>
      <c r="CT120" s="1050"/>
      <c r="CU120" s="1050"/>
      <c r="CV120" s="1050"/>
      <c r="CW120" s="1050"/>
      <c r="CX120" s="1050"/>
      <c r="CY120" s="1050"/>
      <c r="CZ120" s="1050"/>
      <c r="DA120" s="1050"/>
      <c r="DB120" s="1050"/>
      <c r="DC120" s="1050"/>
      <c r="DD120" s="1050"/>
      <c r="DE120" s="1050"/>
      <c r="DF120" s="1051"/>
      <c r="DG120" s="965">
        <v>3354905</v>
      </c>
      <c r="DH120" s="966"/>
      <c r="DI120" s="966"/>
      <c r="DJ120" s="966"/>
      <c r="DK120" s="966"/>
      <c r="DL120" s="966">
        <v>3329809</v>
      </c>
      <c r="DM120" s="966"/>
      <c r="DN120" s="966"/>
      <c r="DO120" s="966"/>
      <c r="DP120" s="966"/>
      <c r="DQ120" s="966">
        <v>3487360</v>
      </c>
      <c r="DR120" s="966"/>
      <c r="DS120" s="966"/>
      <c r="DT120" s="966"/>
      <c r="DU120" s="966"/>
      <c r="DV120" s="967">
        <v>64</v>
      </c>
      <c r="DW120" s="967"/>
      <c r="DX120" s="967"/>
      <c r="DY120" s="967"/>
      <c r="DZ120" s="968"/>
    </row>
    <row r="121" spans="1:130" s="226" customFormat="1" ht="26.25" customHeight="1" x14ac:dyDescent="0.2">
      <c r="A121" s="1092"/>
      <c r="B121" s="984"/>
      <c r="C121" s="1009" t="s">
        <v>473</v>
      </c>
      <c r="D121" s="1010"/>
      <c r="E121" s="1010"/>
      <c r="F121" s="1010"/>
      <c r="G121" s="1010"/>
      <c r="H121" s="1010"/>
      <c r="I121" s="1010"/>
      <c r="J121" s="1010"/>
      <c r="K121" s="1010"/>
      <c r="L121" s="1010"/>
      <c r="M121" s="1010"/>
      <c r="N121" s="1010"/>
      <c r="O121" s="1010"/>
      <c r="P121" s="1010"/>
      <c r="Q121" s="1010"/>
      <c r="R121" s="1010"/>
      <c r="S121" s="1010"/>
      <c r="T121" s="1010"/>
      <c r="U121" s="1010"/>
      <c r="V121" s="1010"/>
      <c r="W121" s="1010"/>
      <c r="X121" s="1010"/>
      <c r="Y121" s="1010"/>
      <c r="Z121" s="1011"/>
      <c r="AA121" s="993" t="s">
        <v>398</v>
      </c>
      <c r="AB121" s="994"/>
      <c r="AC121" s="994"/>
      <c r="AD121" s="994"/>
      <c r="AE121" s="995"/>
      <c r="AF121" s="996" t="s">
        <v>398</v>
      </c>
      <c r="AG121" s="994"/>
      <c r="AH121" s="994"/>
      <c r="AI121" s="994"/>
      <c r="AJ121" s="995"/>
      <c r="AK121" s="996" t="s">
        <v>398</v>
      </c>
      <c r="AL121" s="994"/>
      <c r="AM121" s="994"/>
      <c r="AN121" s="994"/>
      <c r="AO121" s="995"/>
      <c r="AP121" s="997" t="s">
        <v>416</v>
      </c>
      <c r="AQ121" s="998"/>
      <c r="AR121" s="998"/>
      <c r="AS121" s="998"/>
      <c r="AT121" s="999"/>
      <c r="AU121" s="1029"/>
      <c r="AV121" s="1030"/>
      <c r="AW121" s="1030"/>
      <c r="AX121" s="1030"/>
      <c r="AY121" s="1031"/>
      <c r="AZ121" s="957" t="s">
        <v>474</v>
      </c>
      <c r="BA121" s="958"/>
      <c r="BB121" s="958"/>
      <c r="BC121" s="958"/>
      <c r="BD121" s="958"/>
      <c r="BE121" s="958"/>
      <c r="BF121" s="958"/>
      <c r="BG121" s="958"/>
      <c r="BH121" s="958"/>
      <c r="BI121" s="958"/>
      <c r="BJ121" s="958"/>
      <c r="BK121" s="958"/>
      <c r="BL121" s="958"/>
      <c r="BM121" s="958"/>
      <c r="BN121" s="958"/>
      <c r="BO121" s="958"/>
      <c r="BP121" s="959"/>
      <c r="BQ121" s="960" t="s">
        <v>398</v>
      </c>
      <c r="BR121" s="961"/>
      <c r="BS121" s="961"/>
      <c r="BT121" s="961"/>
      <c r="BU121" s="961"/>
      <c r="BV121" s="961" t="s">
        <v>398</v>
      </c>
      <c r="BW121" s="961"/>
      <c r="BX121" s="961"/>
      <c r="BY121" s="961"/>
      <c r="BZ121" s="961"/>
      <c r="CA121" s="961" t="s">
        <v>398</v>
      </c>
      <c r="CB121" s="961"/>
      <c r="CC121" s="961"/>
      <c r="CD121" s="961"/>
      <c r="CE121" s="961"/>
      <c r="CF121" s="955" t="s">
        <v>398</v>
      </c>
      <c r="CG121" s="956"/>
      <c r="CH121" s="956"/>
      <c r="CI121" s="956"/>
      <c r="CJ121" s="956"/>
      <c r="CK121" s="1044"/>
      <c r="CL121" s="1045"/>
      <c r="CM121" s="1045"/>
      <c r="CN121" s="1045"/>
      <c r="CO121" s="1046"/>
      <c r="CP121" s="1054" t="s">
        <v>475</v>
      </c>
      <c r="CQ121" s="1055"/>
      <c r="CR121" s="1055"/>
      <c r="CS121" s="1055"/>
      <c r="CT121" s="1055"/>
      <c r="CU121" s="1055"/>
      <c r="CV121" s="1055"/>
      <c r="CW121" s="1055"/>
      <c r="CX121" s="1055"/>
      <c r="CY121" s="1055"/>
      <c r="CZ121" s="1055"/>
      <c r="DA121" s="1055"/>
      <c r="DB121" s="1055"/>
      <c r="DC121" s="1055"/>
      <c r="DD121" s="1055"/>
      <c r="DE121" s="1055"/>
      <c r="DF121" s="1056"/>
      <c r="DG121" s="960" t="s">
        <v>398</v>
      </c>
      <c r="DH121" s="961"/>
      <c r="DI121" s="961"/>
      <c r="DJ121" s="961"/>
      <c r="DK121" s="961"/>
      <c r="DL121" s="961" t="s">
        <v>416</v>
      </c>
      <c r="DM121" s="961"/>
      <c r="DN121" s="961"/>
      <c r="DO121" s="961"/>
      <c r="DP121" s="961"/>
      <c r="DQ121" s="961" t="s">
        <v>398</v>
      </c>
      <c r="DR121" s="961"/>
      <c r="DS121" s="961"/>
      <c r="DT121" s="961"/>
      <c r="DU121" s="961"/>
      <c r="DV121" s="962" t="s">
        <v>398</v>
      </c>
      <c r="DW121" s="962"/>
      <c r="DX121" s="962"/>
      <c r="DY121" s="962"/>
      <c r="DZ121" s="963"/>
    </row>
    <row r="122" spans="1:130" s="226" customFormat="1" ht="26.25" customHeight="1" x14ac:dyDescent="0.2">
      <c r="A122" s="1092"/>
      <c r="B122" s="984"/>
      <c r="C122" s="957" t="s">
        <v>455</v>
      </c>
      <c r="D122" s="958"/>
      <c r="E122" s="958"/>
      <c r="F122" s="958"/>
      <c r="G122" s="958"/>
      <c r="H122" s="958"/>
      <c r="I122" s="958"/>
      <c r="J122" s="958"/>
      <c r="K122" s="958"/>
      <c r="L122" s="958"/>
      <c r="M122" s="958"/>
      <c r="N122" s="958"/>
      <c r="O122" s="958"/>
      <c r="P122" s="958"/>
      <c r="Q122" s="958"/>
      <c r="R122" s="958"/>
      <c r="S122" s="958"/>
      <c r="T122" s="958"/>
      <c r="U122" s="958"/>
      <c r="V122" s="958"/>
      <c r="W122" s="958"/>
      <c r="X122" s="958"/>
      <c r="Y122" s="958"/>
      <c r="Z122" s="959"/>
      <c r="AA122" s="993" t="s">
        <v>398</v>
      </c>
      <c r="AB122" s="994"/>
      <c r="AC122" s="994"/>
      <c r="AD122" s="994"/>
      <c r="AE122" s="995"/>
      <c r="AF122" s="996" t="s">
        <v>398</v>
      </c>
      <c r="AG122" s="994"/>
      <c r="AH122" s="994"/>
      <c r="AI122" s="994"/>
      <c r="AJ122" s="995"/>
      <c r="AK122" s="996" t="s">
        <v>398</v>
      </c>
      <c r="AL122" s="994"/>
      <c r="AM122" s="994"/>
      <c r="AN122" s="994"/>
      <c r="AO122" s="995"/>
      <c r="AP122" s="997" t="s">
        <v>398</v>
      </c>
      <c r="AQ122" s="998"/>
      <c r="AR122" s="998"/>
      <c r="AS122" s="998"/>
      <c r="AT122" s="999"/>
      <c r="AU122" s="1029"/>
      <c r="AV122" s="1030"/>
      <c r="AW122" s="1030"/>
      <c r="AX122" s="1030"/>
      <c r="AY122" s="1031"/>
      <c r="AZ122" s="1008" t="s">
        <v>476</v>
      </c>
      <c r="BA122" s="1000"/>
      <c r="BB122" s="1000"/>
      <c r="BC122" s="1000"/>
      <c r="BD122" s="1000"/>
      <c r="BE122" s="1000"/>
      <c r="BF122" s="1000"/>
      <c r="BG122" s="1000"/>
      <c r="BH122" s="1000"/>
      <c r="BI122" s="1000"/>
      <c r="BJ122" s="1000"/>
      <c r="BK122" s="1000"/>
      <c r="BL122" s="1000"/>
      <c r="BM122" s="1000"/>
      <c r="BN122" s="1000"/>
      <c r="BO122" s="1000"/>
      <c r="BP122" s="1001"/>
      <c r="BQ122" s="1034">
        <v>8920846</v>
      </c>
      <c r="BR122" s="1035"/>
      <c r="BS122" s="1035"/>
      <c r="BT122" s="1035"/>
      <c r="BU122" s="1035"/>
      <c r="BV122" s="1035">
        <v>8779905</v>
      </c>
      <c r="BW122" s="1035"/>
      <c r="BX122" s="1035"/>
      <c r="BY122" s="1035"/>
      <c r="BZ122" s="1035"/>
      <c r="CA122" s="1035">
        <v>8401092</v>
      </c>
      <c r="CB122" s="1035"/>
      <c r="CC122" s="1035"/>
      <c r="CD122" s="1035"/>
      <c r="CE122" s="1035"/>
      <c r="CF122" s="1052">
        <v>154.1</v>
      </c>
      <c r="CG122" s="1053"/>
      <c r="CH122" s="1053"/>
      <c r="CI122" s="1053"/>
      <c r="CJ122" s="1053"/>
      <c r="CK122" s="1044"/>
      <c r="CL122" s="1045"/>
      <c r="CM122" s="1045"/>
      <c r="CN122" s="1045"/>
      <c r="CO122" s="1046"/>
      <c r="CP122" s="1054" t="s">
        <v>477</v>
      </c>
      <c r="CQ122" s="1055"/>
      <c r="CR122" s="1055"/>
      <c r="CS122" s="1055"/>
      <c r="CT122" s="1055"/>
      <c r="CU122" s="1055"/>
      <c r="CV122" s="1055"/>
      <c r="CW122" s="1055"/>
      <c r="CX122" s="1055"/>
      <c r="CY122" s="1055"/>
      <c r="CZ122" s="1055"/>
      <c r="DA122" s="1055"/>
      <c r="DB122" s="1055"/>
      <c r="DC122" s="1055"/>
      <c r="DD122" s="1055"/>
      <c r="DE122" s="1055"/>
      <c r="DF122" s="1056"/>
      <c r="DG122" s="960" t="s">
        <v>398</v>
      </c>
      <c r="DH122" s="961"/>
      <c r="DI122" s="961"/>
      <c r="DJ122" s="961"/>
      <c r="DK122" s="961"/>
      <c r="DL122" s="961" t="s">
        <v>398</v>
      </c>
      <c r="DM122" s="961"/>
      <c r="DN122" s="961"/>
      <c r="DO122" s="961"/>
      <c r="DP122" s="961"/>
      <c r="DQ122" s="961" t="s">
        <v>398</v>
      </c>
      <c r="DR122" s="961"/>
      <c r="DS122" s="961"/>
      <c r="DT122" s="961"/>
      <c r="DU122" s="961"/>
      <c r="DV122" s="962" t="s">
        <v>398</v>
      </c>
      <c r="DW122" s="962"/>
      <c r="DX122" s="962"/>
      <c r="DY122" s="962"/>
      <c r="DZ122" s="963"/>
    </row>
    <row r="123" spans="1:130" s="226" customFormat="1" ht="26.25" customHeight="1" x14ac:dyDescent="0.2">
      <c r="A123" s="1092"/>
      <c r="B123" s="984"/>
      <c r="C123" s="957" t="s">
        <v>461</v>
      </c>
      <c r="D123" s="958"/>
      <c r="E123" s="958"/>
      <c r="F123" s="958"/>
      <c r="G123" s="958"/>
      <c r="H123" s="958"/>
      <c r="I123" s="958"/>
      <c r="J123" s="958"/>
      <c r="K123" s="958"/>
      <c r="L123" s="958"/>
      <c r="M123" s="958"/>
      <c r="N123" s="958"/>
      <c r="O123" s="958"/>
      <c r="P123" s="958"/>
      <c r="Q123" s="958"/>
      <c r="R123" s="958"/>
      <c r="S123" s="958"/>
      <c r="T123" s="958"/>
      <c r="U123" s="958"/>
      <c r="V123" s="958"/>
      <c r="W123" s="958"/>
      <c r="X123" s="958"/>
      <c r="Y123" s="958"/>
      <c r="Z123" s="959"/>
      <c r="AA123" s="993" t="s">
        <v>416</v>
      </c>
      <c r="AB123" s="994"/>
      <c r="AC123" s="994"/>
      <c r="AD123" s="994"/>
      <c r="AE123" s="995"/>
      <c r="AF123" s="996" t="s">
        <v>398</v>
      </c>
      <c r="AG123" s="994"/>
      <c r="AH123" s="994"/>
      <c r="AI123" s="994"/>
      <c r="AJ123" s="995"/>
      <c r="AK123" s="996" t="s">
        <v>398</v>
      </c>
      <c r="AL123" s="994"/>
      <c r="AM123" s="994"/>
      <c r="AN123" s="994"/>
      <c r="AO123" s="995"/>
      <c r="AP123" s="997" t="s">
        <v>398</v>
      </c>
      <c r="AQ123" s="998"/>
      <c r="AR123" s="998"/>
      <c r="AS123" s="998"/>
      <c r="AT123" s="999"/>
      <c r="AU123" s="1032"/>
      <c r="AV123" s="1033"/>
      <c r="AW123" s="1033"/>
      <c r="AX123" s="1033"/>
      <c r="AY123" s="1033"/>
      <c r="AZ123" s="247" t="s">
        <v>193</v>
      </c>
      <c r="BA123" s="247"/>
      <c r="BB123" s="247"/>
      <c r="BC123" s="247"/>
      <c r="BD123" s="247"/>
      <c r="BE123" s="247"/>
      <c r="BF123" s="247"/>
      <c r="BG123" s="247"/>
      <c r="BH123" s="247"/>
      <c r="BI123" s="247"/>
      <c r="BJ123" s="247"/>
      <c r="BK123" s="247"/>
      <c r="BL123" s="247"/>
      <c r="BM123" s="247"/>
      <c r="BN123" s="247"/>
      <c r="BO123" s="1012" t="s">
        <v>478</v>
      </c>
      <c r="BP123" s="1040"/>
      <c r="BQ123" s="1098">
        <v>11157522</v>
      </c>
      <c r="BR123" s="1099"/>
      <c r="BS123" s="1099"/>
      <c r="BT123" s="1099"/>
      <c r="BU123" s="1099"/>
      <c r="BV123" s="1099">
        <v>11484828</v>
      </c>
      <c r="BW123" s="1099"/>
      <c r="BX123" s="1099"/>
      <c r="BY123" s="1099"/>
      <c r="BZ123" s="1099"/>
      <c r="CA123" s="1099">
        <v>11237879</v>
      </c>
      <c r="CB123" s="1099"/>
      <c r="CC123" s="1099"/>
      <c r="CD123" s="1099"/>
      <c r="CE123" s="1099"/>
      <c r="CF123" s="1036"/>
      <c r="CG123" s="1037"/>
      <c r="CH123" s="1037"/>
      <c r="CI123" s="1037"/>
      <c r="CJ123" s="1038"/>
      <c r="CK123" s="1044"/>
      <c r="CL123" s="1045"/>
      <c r="CM123" s="1045"/>
      <c r="CN123" s="1045"/>
      <c r="CO123" s="1046"/>
      <c r="CP123" s="1054" t="s">
        <v>479</v>
      </c>
      <c r="CQ123" s="1055"/>
      <c r="CR123" s="1055"/>
      <c r="CS123" s="1055"/>
      <c r="CT123" s="1055"/>
      <c r="CU123" s="1055"/>
      <c r="CV123" s="1055"/>
      <c r="CW123" s="1055"/>
      <c r="CX123" s="1055"/>
      <c r="CY123" s="1055"/>
      <c r="CZ123" s="1055"/>
      <c r="DA123" s="1055"/>
      <c r="DB123" s="1055"/>
      <c r="DC123" s="1055"/>
      <c r="DD123" s="1055"/>
      <c r="DE123" s="1055"/>
      <c r="DF123" s="1056"/>
      <c r="DG123" s="993" t="s">
        <v>480</v>
      </c>
      <c r="DH123" s="994"/>
      <c r="DI123" s="994"/>
      <c r="DJ123" s="994"/>
      <c r="DK123" s="995"/>
      <c r="DL123" s="996" t="s">
        <v>481</v>
      </c>
      <c r="DM123" s="994"/>
      <c r="DN123" s="994"/>
      <c r="DO123" s="994"/>
      <c r="DP123" s="995"/>
      <c r="DQ123" s="996" t="s">
        <v>480</v>
      </c>
      <c r="DR123" s="994"/>
      <c r="DS123" s="994"/>
      <c r="DT123" s="994"/>
      <c r="DU123" s="995"/>
      <c r="DV123" s="997" t="s">
        <v>139</v>
      </c>
      <c r="DW123" s="998"/>
      <c r="DX123" s="998"/>
      <c r="DY123" s="998"/>
      <c r="DZ123" s="999"/>
    </row>
    <row r="124" spans="1:130" s="226" customFormat="1" ht="26.25" customHeight="1" thickBot="1" x14ac:dyDescent="0.25">
      <c r="A124" s="1092"/>
      <c r="B124" s="984"/>
      <c r="C124" s="957" t="s">
        <v>464</v>
      </c>
      <c r="D124" s="958"/>
      <c r="E124" s="958"/>
      <c r="F124" s="958"/>
      <c r="G124" s="958"/>
      <c r="H124" s="958"/>
      <c r="I124" s="958"/>
      <c r="J124" s="958"/>
      <c r="K124" s="958"/>
      <c r="L124" s="958"/>
      <c r="M124" s="958"/>
      <c r="N124" s="958"/>
      <c r="O124" s="958"/>
      <c r="P124" s="958"/>
      <c r="Q124" s="958"/>
      <c r="R124" s="958"/>
      <c r="S124" s="958"/>
      <c r="T124" s="958"/>
      <c r="U124" s="958"/>
      <c r="V124" s="958"/>
      <c r="W124" s="958"/>
      <c r="X124" s="958"/>
      <c r="Y124" s="958"/>
      <c r="Z124" s="959"/>
      <c r="AA124" s="993" t="s">
        <v>416</v>
      </c>
      <c r="AB124" s="994"/>
      <c r="AC124" s="994"/>
      <c r="AD124" s="994"/>
      <c r="AE124" s="995"/>
      <c r="AF124" s="996" t="s">
        <v>139</v>
      </c>
      <c r="AG124" s="994"/>
      <c r="AH124" s="994"/>
      <c r="AI124" s="994"/>
      <c r="AJ124" s="995"/>
      <c r="AK124" s="996" t="s">
        <v>481</v>
      </c>
      <c r="AL124" s="994"/>
      <c r="AM124" s="994"/>
      <c r="AN124" s="994"/>
      <c r="AO124" s="995"/>
      <c r="AP124" s="997" t="s">
        <v>416</v>
      </c>
      <c r="AQ124" s="998"/>
      <c r="AR124" s="998"/>
      <c r="AS124" s="998"/>
      <c r="AT124" s="999"/>
      <c r="AU124" s="1094" t="s">
        <v>482</v>
      </c>
      <c r="AV124" s="1095"/>
      <c r="AW124" s="1095"/>
      <c r="AX124" s="1095"/>
      <c r="AY124" s="1095"/>
      <c r="AZ124" s="1095"/>
      <c r="BA124" s="1095"/>
      <c r="BB124" s="1095"/>
      <c r="BC124" s="1095"/>
      <c r="BD124" s="1095"/>
      <c r="BE124" s="1095"/>
      <c r="BF124" s="1095"/>
      <c r="BG124" s="1095"/>
      <c r="BH124" s="1095"/>
      <c r="BI124" s="1095"/>
      <c r="BJ124" s="1095"/>
      <c r="BK124" s="1095"/>
      <c r="BL124" s="1095"/>
      <c r="BM124" s="1095"/>
      <c r="BN124" s="1095"/>
      <c r="BO124" s="1095"/>
      <c r="BP124" s="1096"/>
      <c r="BQ124" s="1097">
        <v>16.600000000000001</v>
      </c>
      <c r="BR124" s="1062"/>
      <c r="BS124" s="1062"/>
      <c r="BT124" s="1062"/>
      <c r="BU124" s="1062"/>
      <c r="BV124" s="1062">
        <v>5.8</v>
      </c>
      <c r="BW124" s="1062"/>
      <c r="BX124" s="1062"/>
      <c r="BY124" s="1062"/>
      <c r="BZ124" s="1062"/>
      <c r="CA124" s="1062">
        <v>4.9000000000000004</v>
      </c>
      <c r="CB124" s="1062"/>
      <c r="CC124" s="1062"/>
      <c r="CD124" s="1062"/>
      <c r="CE124" s="1062"/>
      <c r="CF124" s="1063"/>
      <c r="CG124" s="1064"/>
      <c r="CH124" s="1064"/>
      <c r="CI124" s="1064"/>
      <c r="CJ124" s="1065"/>
      <c r="CK124" s="1047"/>
      <c r="CL124" s="1047"/>
      <c r="CM124" s="1047"/>
      <c r="CN124" s="1047"/>
      <c r="CO124" s="1048"/>
      <c r="CP124" s="1054" t="s">
        <v>483</v>
      </c>
      <c r="CQ124" s="1055"/>
      <c r="CR124" s="1055"/>
      <c r="CS124" s="1055"/>
      <c r="CT124" s="1055"/>
      <c r="CU124" s="1055"/>
      <c r="CV124" s="1055"/>
      <c r="CW124" s="1055"/>
      <c r="CX124" s="1055"/>
      <c r="CY124" s="1055"/>
      <c r="CZ124" s="1055"/>
      <c r="DA124" s="1055"/>
      <c r="DB124" s="1055"/>
      <c r="DC124" s="1055"/>
      <c r="DD124" s="1055"/>
      <c r="DE124" s="1055"/>
      <c r="DF124" s="1056"/>
      <c r="DG124" s="1039" t="s">
        <v>139</v>
      </c>
      <c r="DH124" s="1021"/>
      <c r="DI124" s="1021"/>
      <c r="DJ124" s="1021"/>
      <c r="DK124" s="1022"/>
      <c r="DL124" s="1020" t="s">
        <v>484</v>
      </c>
      <c r="DM124" s="1021"/>
      <c r="DN124" s="1021"/>
      <c r="DO124" s="1021"/>
      <c r="DP124" s="1022"/>
      <c r="DQ124" s="1020" t="s">
        <v>139</v>
      </c>
      <c r="DR124" s="1021"/>
      <c r="DS124" s="1021"/>
      <c r="DT124" s="1021"/>
      <c r="DU124" s="1022"/>
      <c r="DV124" s="1023" t="s">
        <v>485</v>
      </c>
      <c r="DW124" s="1024"/>
      <c r="DX124" s="1024"/>
      <c r="DY124" s="1024"/>
      <c r="DZ124" s="1025"/>
    </row>
    <row r="125" spans="1:130" s="226" customFormat="1" ht="26.25" customHeight="1" x14ac:dyDescent="0.2">
      <c r="A125" s="1092"/>
      <c r="B125" s="984"/>
      <c r="C125" s="957" t="s">
        <v>466</v>
      </c>
      <c r="D125" s="958"/>
      <c r="E125" s="958"/>
      <c r="F125" s="958"/>
      <c r="G125" s="958"/>
      <c r="H125" s="958"/>
      <c r="I125" s="958"/>
      <c r="J125" s="958"/>
      <c r="K125" s="958"/>
      <c r="L125" s="958"/>
      <c r="M125" s="958"/>
      <c r="N125" s="958"/>
      <c r="O125" s="958"/>
      <c r="P125" s="958"/>
      <c r="Q125" s="958"/>
      <c r="R125" s="958"/>
      <c r="S125" s="958"/>
      <c r="T125" s="958"/>
      <c r="U125" s="958"/>
      <c r="V125" s="958"/>
      <c r="W125" s="958"/>
      <c r="X125" s="958"/>
      <c r="Y125" s="958"/>
      <c r="Z125" s="959"/>
      <c r="AA125" s="993" t="s">
        <v>485</v>
      </c>
      <c r="AB125" s="994"/>
      <c r="AC125" s="994"/>
      <c r="AD125" s="994"/>
      <c r="AE125" s="995"/>
      <c r="AF125" s="996" t="s">
        <v>416</v>
      </c>
      <c r="AG125" s="994"/>
      <c r="AH125" s="994"/>
      <c r="AI125" s="994"/>
      <c r="AJ125" s="995"/>
      <c r="AK125" s="996" t="s">
        <v>139</v>
      </c>
      <c r="AL125" s="994"/>
      <c r="AM125" s="994"/>
      <c r="AN125" s="994"/>
      <c r="AO125" s="995"/>
      <c r="AP125" s="997" t="s">
        <v>416</v>
      </c>
      <c r="AQ125" s="998"/>
      <c r="AR125" s="998"/>
      <c r="AS125" s="998"/>
      <c r="AT125" s="99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57" t="s">
        <v>486</v>
      </c>
      <c r="CL125" s="1042"/>
      <c r="CM125" s="1042"/>
      <c r="CN125" s="1042"/>
      <c r="CO125" s="1043"/>
      <c r="CP125" s="964" t="s">
        <v>487</v>
      </c>
      <c r="CQ125" s="932"/>
      <c r="CR125" s="932"/>
      <c r="CS125" s="932"/>
      <c r="CT125" s="932"/>
      <c r="CU125" s="932"/>
      <c r="CV125" s="932"/>
      <c r="CW125" s="932"/>
      <c r="CX125" s="932"/>
      <c r="CY125" s="932"/>
      <c r="CZ125" s="932"/>
      <c r="DA125" s="932"/>
      <c r="DB125" s="932"/>
      <c r="DC125" s="932"/>
      <c r="DD125" s="932"/>
      <c r="DE125" s="932"/>
      <c r="DF125" s="933"/>
      <c r="DG125" s="965" t="s">
        <v>488</v>
      </c>
      <c r="DH125" s="966"/>
      <c r="DI125" s="966"/>
      <c r="DJ125" s="966"/>
      <c r="DK125" s="966"/>
      <c r="DL125" s="966" t="s">
        <v>489</v>
      </c>
      <c r="DM125" s="966"/>
      <c r="DN125" s="966"/>
      <c r="DO125" s="966"/>
      <c r="DP125" s="966"/>
      <c r="DQ125" s="966" t="s">
        <v>416</v>
      </c>
      <c r="DR125" s="966"/>
      <c r="DS125" s="966"/>
      <c r="DT125" s="966"/>
      <c r="DU125" s="966"/>
      <c r="DV125" s="967" t="s">
        <v>489</v>
      </c>
      <c r="DW125" s="967"/>
      <c r="DX125" s="967"/>
      <c r="DY125" s="967"/>
      <c r="DZ125" s="968"/>
    </row>
    <row r="126" spans="1:130" s="226" customFormat="1" ht="26.25" customHeight="1" thickBot="1" x14ac:dyDescent="0.25">
      <c r="A126" s="1092"/>
      <c r="B126" s="984"/>
      <c r="C126" s="957" t="s">
        <v>468</v>
      </c>
      <c r="D126" s="958"/>
      <c r="E126" s="958"/>
      <c r="F126" s="958"/>
      <c r="G126" s="958"/>
      <c r="H126" s="958"/>
      <c r="I126" s="958"/>
      <c r="J126" s="958"/>
      <c r="K126" s="958"/>
      <c r="L126" s="958"/>
      <c r="M126" s="958"/>
      <c r="N126" s="958"/>
      <c r="O126" s="958"/>
      <c r="P126" s="958"/>
      <c r="Q126" s="958"/>
      <c r="R126" s="958"/>
      <c r="S126" s="958"/>
      <c r="T126" s="958"/>
      <c r="U126" s="958"/>
      <c r="V126" s="958"/>
      <c r="W126" s="958"/>
      <c r="X126" s="958"/>
      <c r="Y126" s="958"/>
      <c r="Z126" s="959"/>
      <c r="AA126" s="993" t="s">
        <v>490</v>
      </c>
      <c r="AB126" s="994"/>
      <c r="AC126" s="994"/>
      <c r="AD126" s="994"/>
      <c r="AE126" s="995"/>
      <c r="AF126" s="996" t="s">
        <v>139</v>
      </c>
      <c r="AG126" s="994"/>
      <c r="AH126" s="994"/>
      <c r="AI126" s="994"/>
      <c r="AJ126" s="995"/>
      <c r="AK126" s="996" t="s">
        <v>416</v>
      </c>
      <c r="AL126" s="994"/>
      <c r="AM126" s="994"/>
      <c r="AN126" s="994"/>
      <c r="AO126" s="995"/>
      <c r="AP126" s="997" t="s">
        <v>489</v>
      </c>
      <c r="AQ126" s="998"/>
      <c r="AR126" s="998"/>
      <c r="AS126" s="998"/>
      <c r="AT126" s="99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58"/>
      <c r="CL126" s="1045"/>
      <c r="CM126" s="1045"/>
      <c r="CN126" s="1045"/>
      <c r="CO126" s="1046"/>
      <c r="CP126" s="957" t="s">
        <v>491</v>
      </c>
      <c r="CQ126" s="958"/>
      <c r="CR126" s="958"/>
      <c r="CS126" s="958"/>
      <c r="CT126" s="958"/>
      <c r="CU126" s="958"/>
      <c r="CV126" s="958"/>
      <c r="CW126" s="958"/>
      <c r="CX126" s="958"/>
      <c r="CY126" s="958"/>
      <c r="CZ126" s="958"/>
      <c r="DA126" s="958"/>
      <c r="DB126" s="958"/>
      <c r="DC126" s="958"/>
      <c r="DD126" s="958"/>
      <c r="DE126" s="958"/>
      <c r="DF126" s="959"/>
      <c r="DG126" s="960" t="s">
        <v>488</v>
      </c>
      <c r="DH126" s="961"/>
      <c r="DI126" s="961"/>
      <c r="DJ126" s="961"/>
      <c r="DK126" s="961"/>
      <c r="DL126" s="961" t="s">
        <v>489</v>
      </c>
      <c r="DM126" s="961"/>
      <c r="DN126" s="961"/>
      <c r="DO126" s="961"/>
      <c r="DP126" s="961"/>
      <c r="DQ126" s="961" t="s">
        <v>492</v>
      </c>
      <c r="DR126" s="961"/>
      <c r="DS126" s="961"/>
      <c r="DT126" s="961"/>
      <c r="DU126" s="961"/>
      <c r="DV126" s="962" t="s">
        <v>139</v>
      </c>
      <c r="DW126" s="962"/>
      <c r="DX126" s="962"/>
      <c r="DY126" s="962"/>
      <c r="DZ126" s="963"/>
    </row>
    <row r="127" spans="1:130" s="226" customFormat="1" ht="26.25" customHeight="1" x14ac:dyDescent="0.2">
      <c r="A127" s="1093"/>
      <c r="B127" s="986"/>
      <c r="C127" s="1008" t="s">
        <v>493</v>
      </c>
      <c r="D127" s="1000"/>
      <c r="E127" s="1000"/>
      <c r="F127" s="1000"/>
      <c r="G127" s="1000"/>
      <c r="H127" s="1000"/>
      <c r="I127" s="1000"/>
      <c r="J127" s="1000"/>
      <c r="K127" s="1000"/>
      <c r="L127" s="1000"/>
      <c r="M127" s="1000"/>
      <c r="N127" s="1000"/>
      <c r="O127" s="1000"/>
      <c r="P127" s="1000"/>
      <c r="Q127" s="1000"/>
      <c r="R127" s="1000"/>
      <c r="S127" s="1000"/>
      <c r="T127" s="1000"/>
      <c r="U127" s="1000"/>
      <c r="V127" s="1000"/>
      <c r="W127" s="1000"/>
      <c r="X127" s="1000"/>
      <c r="Y127" s="1000"/>
      <c r="Z127" s="1001"/>
      <c r="AA127" s="993" t="s">
        <v>494</v>
      </c>
      <c r="AB127" s="994"/>
      <c r="AC127" s="994"/>
      <c r="AD127" s="994"/>
      <c r="AE127" s="995"/>
      <c r="AF127" s="996" t="s">
        <v>416</v>
      </c>
      <c r="AG127" s="994"/>
      <c r="AH127" s="994"/>
      <c r="AI127" s="994"/>
      <c r="AJ127" s="995"/>
      <c r="AK127" s="996" t="s">
        <v>416</v>
      </c>
      <c r="AL127" s="994"/>
      <c r="AM127" s="994"/>
      <c r="AN127" s="994"/>
      <c r="AO127" s="995"/>
      <c r="AP127" s="997" t="s">
        <v>416</v>
      </c>
      <c r="AQ127" s="998"/>
      <c r="AR127" s="998"/>
      <c r="AS127" s="998"/>
      <c r="AT127" s="999"/>
      <c r="AU127" s="228"/>
      <c r="AV127" s="228"/>
      <c r="AW127" s="228"/>
      <c r="AX127" s="1066" t="s">
        <v>495</v>
      </c>
      <c r="AY127" s="1067"/>
      <c r="AZ127" s="1067"/>
      <c r="BA127" s="1067"/>
      <c r="BB127" s="1067"/>
      <c r="BC127" s="1067"/>
      <c r="BD127" s="1067"/>
      <c r="BE127" s="1068"/>
      <c r="BF127" s="1069" t="s">
        <v>496</v>
      </c>
      <c r="BG127" s="1067"/>
      <c r="BH127" s="1067"/>
      <c r="BI127" s="1067"/>
      <c r="BJ127" s="1067"/>
      <c r="BK127" s="1067"/>
      <c r="BL127" s="1068"/>
      <c r="BM127" s="1069" t="s">
        <v>497</v>
      </c>
      <c r="BN127" s="1067"/>
      <c r="BO127" s="1067"/>
      <c r="BP127" s="1067"/>
      <c r="BQ127" s="1067"/>
      <c r="BR127" s="1067"/>
      <c r="BS127" s="1068"/>
      <c r="BT127" s="1069" t="s">
        <v>498</v>
      </c>
      <c r="BU127" s="1067"/>
      <c r="BV127" s="1067"/>
      <c r="BW127" s="1067"/>
      <c r="BX127" s="1067"/>
      <c r="BY127" s="1067"/>
      <c r="BZ127" s="1090"/>
      <c r="CA127" s="228"/>
      <c r="CB127" s="228"/>
      <c r="CC127" s="228"/>
      <c r="CD127" s="251"/>
      <c r="CE127" s="251"/>
      <c r="CF127" s="251"/>
      <c r="CG127" s="228"/>
      <c r="CH127" s="228"/>
      <c r="CI127" s="228"/>
      <c r="CJ127" s="250"/>
      <c r="CK127" s="1058"/>
      <c r="CL127" s="1045"/>
      <c r="CM127" s="1045"/>
      <c r="CN127" s="1045"/>
      <c r="CO127" s="1046"/>
      <c r="CP127" s="957" t="s">
        <v>499</v>
      </c>
      <c r="CQ127" s="958"/>
      <c r="CR127" s="958"/>
      <c r="CS127" s="958"/>
      <c r="CT127" s="958"/>
      <c r="CU127" s="958"/>
      <c r="CV127" s="958"/>
      <c r="CW127" s="958"/>
      <c r="CX127" s="958"/>
      <c r="CY127" s="958"/>
      <c r="CZ127" s="958"/>
      <c r="DA127" s="958"/>
      <c r="DB127" s="958"/>
      <c r="DC127" s="958"/>
      <c r="DD127" s="958"/>
      <c r="DE127" s="958"/>
      <c r="DF127" s="959"/>
      <c r="DG127" s="960" t="s">
        <v>139</v>
      </c>
      <c r="DH127" s="961"/>
      <c r="DI127" s="961"/>
      <c r="DJ127" s="961"/>
      <c r="DK127" s="961"/>
      <c r="DL127" s="961" t="s">
        <v>500</v>
      </c>
      <c r="DM127" s="961"/>
      <c r="DN127" s="961"/>
      <c r="DO127" s="961"/>
      <c r="DP127" s="961"/>
      <c r="DQ127" s="961" t="s">
        <v>500</v>
      </c>
      <c r="DR127" s="961"/>
      <c r="DS127" s="961"/>
      <c r="DT127" s="961"/>
      <c r="DU127" s="961"/>
      <c r="DV127" s="962" t="s">
        <v>139</v>
      </c>
      <c r="DW127" s="962"/>
      <c r="DX127" s="962"/>
      <c r="DY127" s="962"/>
      <c r="DZ127" s="963"/>
    </row>
    <row r="128" spans="1:130" s="226" customFormat="1" ht="26.25" customHeight="1" thickBot="1" x14ac:dyDescent="0.25">
      <c r="A128" s="1076" t="s">
        <v>501</v>
      </c>
      <c r="B128" s="1077"/>
      <c r="C128" s="1077"/>
      <c r="D128" s="1077"/>
      <c r="E128" s="1077"/>
      <c r="F128" s="1077"/>
      <c r="G128" s="1077"/>
      <c r="H128" s="1077"/>
      <c r="I128" s="1077"/>
      <c r="J128" s="1077"/>
      <c r="K128" s="1077"/>
      <c r="L128" s="1077"/>
      <c r="M128" s="1077"/>
      <c r="N128" s="1077"/>
      <c r="O128" s="1077"/>
      <c r="P128" s="1077"/>
      <c r="Q128" s="1077"/>
      <c r="R128" s="1077"/>
      <c r="S128" s="1077"/>
      <c r="T128" s="1077"/>
      <c r="U128" s="1077"/>
      <c r="V128" s="1077"/>
      <c r="W128" s="1078" t="s">
        <v>502</v>
      </c>
      <c r="X128" s="1078"/>
      <c r="Y128" s="1078"/>
      <c r="Z128" s="1079"/>
      <c r="AA128" s="1080" t="s">
        <v>485</v>
      </c>
      <c r="AB128" s="1081"/>
      <c r="AC128" s="1081"/>
      <c r="AD128" s="1081"/>
      <c r="AE128" s="1082"/>
      <c r="AF128" s="1083" t="s">
        <v>416</v>
      </c>
      <c r="AG128" s="1081"/>
      <c r="AH128" s="1081"/>
      <c r="AI128" s="1081"/>
      <c r="AJ128" s="1082"/>
      <c r="AK128" s="1083" t="s">
        <v>494</v>
      </c>
      <c r="AL128" s="1081"/>
      <c r="AM128" s="1081"/>
      <c r="AN128" s="1081"/>
      <c r="AO128" s="1082"/>
      <c r="AP128" s="1084"/>
      <c r="AQ128" s="1085"/>
      <c r="AR128" s="1085"/>
      <c r="AS128" s="1085"/>
      <c r="AT128" s="1086"/>
      <c r="AU128" s="228"/>
      <c r="AV128" s="228"/>
      <c r="AW128" s="228"/>
      <c r="AX128" s="931" t="s">
        <v>503</v>
      </c>
      <c r="AY128" s="932"/>
      <c r="AZ128" s="932"/>
      <c r="BA128" s="932"/>
      <c r="BB128" s="932"/>
      <c r="BC128" s="932"/>
      <c r="BD128" s="932"/>
      <c r="BE128" s="933"/>
      <c r="BF128" s="1087" t="s">
        <v>489</v>
      </c>
      <c r="BG128" s="1088"/>
      <c r="BH128" s="1088"/>
      <c r="BI128" s="1088"/>
      <c r="BJ128" s="1088"/>
      <c r="BK128" s="1088"/>
      <c r="BL128" s="1089"/>
      <c r="BM128" s="1087">
        <v>14.38</v>
      </c>
      <c r="BN128" s="1088"/>
      <c r="BO128" s="1088"/>
      <c r="BP128" s="1088"/>
      <c r="BQ128" s="1088"/>
      <c r="BR128" s="1088"/>
      <c r="BS128" s="1089"/>
      <c r="BT128" s="1087">
        <v>20</v>
      </c>
      <c r="BU128" s="1088"/>
      <c r="BV128" s="1088"/>
      <c r="BW128" s="1088"/>
      <c r="BX128" s="1088"/>
      <c r="BY128" s="1088"/>
      <c r="BZ128" s="1111"/>
      <c r="CA128" s="251"/>
      <c r="CB128" s="251"/>
      <c r="CC128" s="251"/>
      <c r="CD128" s="251"/>
      <c r="CE128" s="251"/>
      <c r="CF128" s="251"/>
      <c r="CG128" s="228"/>
      <c r="CH128" s="228"/>
      <c r="CI128" s="228"/>
      <c r="CJ128" s="250"/>
      <c r="CK128" s="1059"/>
      <c r="CL128" s="1060"/>
      <c r="CM128" s="1060"/>
      <c r="CN128" s="1060"/>
      <c r="CO128" s="1061"/>
      <c r="CP128" s="1070" t="s">
        <v>504</v>
      </c>
      <c r="CQ128" s="762"/>
      <c r="CR128" s="762"/>
      <c r="CS128" s="762"/>
      <c r="CT128" s="762"/>
      <c r="CU128" s="762"/>
      <c r="CV128" s="762"/>
      <c r="CW128" s="762"/>
      <c r="CX128" s="762"/>
      <c r="CY128" s="762"/>
      <c r="CZ128" s="762"/>
      <c r="DA128" s="762"/>
      <c r="DB128" s="762"/>
      <c r="DC128" s="762"/>
      <c r="DD128" s="762"/>
      <c r="DE128" s="762"/>
      <c r="DF128" s="1071"/>
      <c r="DG128" s="1072" t="s">
        <v>481</v>
      </c>
      <c r="DH128" s="1073"/>
      <c r="DI128" s="1073"/>
      <c r="DJ128" s="1073"/>
      <c r="DK128" s="1073"/>
      <c r="DL128" s="1073" t="s">
        <v>139</v>
      </c>
      <c r="DM128" s="1073"/>
      <c r="DN128" s="1073"/>
      <c r="DO128" s="1073"/>
      <c r="DP128" s="1073"/>
      <c r="DQ128" s="1073" t="s">
        <v>505</v>
      </c>
      <c r="DR128" s="1073"/>
      <c r="DS128" s="1073"/>
      <c r="DT128" s="1073"/>
      <c r="DU128" s="1073"/>
      <c r="DV128" s="1074" t="s">
        <v>481</v>
      </c>
      <c r="DW128" s="1074"/>
      <c r="DX128" s="1074"/>
      <c r="DY128" s="1074"/>
      <c r="DZ128" s="1075"/>
    </row>
    <row r="129" spans="1:131" s="226" customFormat="1" ht="26.25" customHeight="1" x14ac:dyDescent="0.2">
      <c r="A129" s="969" t="s">
        <v>109</v>
      </c>
      <c r="B129" s="970"/>
      <c r="C129" s="970"/>
      <c r="D129" s="970"/>
      <c r="E129" s="970"/>
      <c r="F129" s="970"/>
      <c r="G129" s="970"/>
      <c r="H129" s="970"/>
      <c r="I129" s="970"/>
      <c r="J129" s="970"/>
      <c r="K129" s="970"/>
      <c r="L129" s="970"/>
      <c r="M129" s="970"/>
      <c r="N129" s="970"/>
      <c r="O129" s="970"/>
      <c r="P129" s="970"/>
      <c r="Q129" s="970"/>
      <c r="R129" s="970"/>
      <c r="S129" s="970"/>
      <c r="T129" s="970"/>
      <c r="U129" s="970"/>
      <c r="V129" s="970"/>
      <c r="W129" s="1105" t="s">
        <v>506</v>
      </c>
      <c r="X129" s="1106"/>
      <c r="Y129" s="1106"/>
      <c r="Z129" s="1107"/>
      <c r="AA129" s="993">
        <v>5930262</v>
      </c>
      <c r="AB129" s="994"/>
      <c r="AC129" s="994"/>
      <c r="AD129" s="994"/>
      <c r="AE129" s="995"/>
      <c r="AF129" s="996">
        <v>6348885</v>
      </c>
      <c r="AG129" s="994"/>
      <c r="AH129" s="994"/>
      <c r="AI129" s="994"/>
      <c r="AJ129" s="995"/>
      <c r="AK129" s="996">
        <v>6141232</v>
      </c>
      <c r="AL129" s="994"/>
      <c r="AM129" s="994"/>
      <c r="AN129" s="994"/>
      <c r="AO129" s="995"/>
      <c r="AP129" s="1108"/>
      <c r="AQ129" s="1109"/>
      <c r="AR129" s="1109"/>
      <c r="AS129" s="1109"/>
      <c r="AT129" s="1110"/>
      <c r="AU129" s="229"/>
      <c r="AV129" s="229"/>
      <c r="AW129" s="229"/>
      <c r="AX129" s="1100" t="s">
        <v>507</v>
      </c>
      <c r="AY129" s="958"/>
      <c r="AZ129" s="958"/>
      <c r="BA129" s="958"/>
      <c r="BB129" s="958"/>
      <c r="BC129" s="958"/>
      <c r="BD129" s="958"/>
      <c r="BE129" s="959"/>
      <c r="BF129" s="1101" t="s">
        <v>490</v>
      </c>
      <c r="BG129" s="1102"/>
      <c r="BH129" s="1102"/>
      <c r="BI129" s="1102"/>
      <c r="BJ129" s="1102"/>
      <c r="BK129" s="1102"/>
      <c r="BL129" s="1103"/>
      <c r="BM129" s="1101">
        <v>19.38</v>
      </c>
      <c r="BN129" s="1102"/>
      <c r="BO129" s="1102"/>
      <c r="BP129" s="1102"/>
      <c r="BQ129" s="1102"/>
      <c r="BR129" s="1102"/>
      <c r="BS129" s="1103"/>
      <c r="BT129" s="1101">
        <v>30</v>
      </c>
      <c r="BU129" s="1102"/>
      <c r="BV129" s="1102"/>
      <c r="BW129" s="1102"/>
      <c r="BX129" s="1102"/>
      <c r="BY129" s="1102"/>
      <c r="BZ129" s="110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69" t="s">
        <v>508</v>
      </c>
      <c r="B130" s="970"/>
      <c r="C130" s="970"/>
      <c r="D130" s="970"/>
      <c r="E130" s="970"/>
      <c r="F130" s="970"/>
      <c r="G130" s="970"/>
      <c r="H130" s="970"/>
      <c r="I130" s="970"/>
      <c r="J130" s="970"/>
      <c r="K130" s="970"/>
      <c r="L130" s="970"/>
      <c r="M130" s="970"/>
      <c r="N130" s="970"/>
      <c r="O130" s="970"/>
      <c r="P130" s="970"/>
      <c r="Q130" s="970"/>
      <c r="R130" s="970"/>
      <c r="S130" s="970"/>
      <c r="T130" s="970"/>
      <c r="U130" s="970"/>
      <c r="V130" s="970"/>
      <c r="W130" s="1105" t="s">
        <v>509</v>
      </c>
      <c r="X130" s="1106"/>
      <c r="Y130" s="1106"/>
      <c r="Z130" s="1107"/>
      <c r="AA130" s="993">
        <v>674079</v>
      </c>
      <c r="AB130" s="994"/>
      <c r="AC130" s="994"/>
      <c r="AD130" s="994"/>
      <c r="AE130" s="995"/>
      <c r="AF130" s="996">
        <v>675553</v>
      </c>
      <c r="AG130" s="994"/>
      <c r="AH130" s="994"/>
      <c r="AI130" s="994"/>
      <c r="AJ130" s="995"/>
      <c r="AK130" s="996">
        <v>689784</v>
      </c>
      <c r="AL130" s="994"/>
      <c r="AM130" s="994"/>
      <c r="AN130" s="994"/>
      <c r="AO130" s="995"/>
      <c r="AP130" s="1108"/>
      <c r="AQ130" s="1109"/>
      <c r="AR130" s="1109"/>
      <c r="AS130" s="1109"/>
      <c r="AT130" s="1110"/>
      <c r="AU130" s="229"/>
      <c r="AV130" s="229"/>
      <c r="AW130" s="229"/>
      <c r="AX130" s="1100" t="s">
        <v>510</v>
      </c>
      <c r="AY130" s="958"/>
      <c r="AZ130" s="958"/>
      <c r="BA130" s="958"/>
      <c r="BB130" s="958"/>
      <c r="BC130" s="958"/>
      <c r="BD130" s="958"/>
      <c r="BE130" s="959"/>
      <c r="BF130" s="1136">
        <v>4.8</v>
      </c>
      <c r="BG130" s="1137"/>
      <c r="BH130" s="1137"/>
      <c r="BI130" s="1137"/>
      <c r="BJ130" s="1137"/>
      <c r="BK130" s="1137"/>
      <c r="BL130" s="1138"/>
      <c r="BM130" s="1136">
        <v>25</v>
      </c>
      <c r="BN130" s="1137"/>
      <c r="BO130" s="1137"/>
      <c r="BP130" s="1137"/>
      <c r="BQ130" s="1137"/>
      <c r="BR130" s="1137"/>
      <c r="BS130" s="1138"/>
      <c r="BT130" s="1136">
        <v>35</v>
      </c>
      <c r="BU130" s="1137"/>
      <c r="BV130" s="1137"/>
      <c r="BW130" s="1137"/>
      <c r="BX130" s="1137"/>
      <c r="BY130" s="1137"/>
      <c r="BZ130" s="113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40"/>
      <c r="B131" s="1141"/>
      <c r="C131" s="1141"/>
      <c r="D131" s="1141"/>
      <c r="E131" s="1141"/>
      <c r="F131" s="1141"/>
      <c r="G131" s="1141"/>
      <c r="H131" s="1141"/>
      <c r="I131" s="1141"/>
      <c r="J131" s="1141"/>
      <c r="K131" s="1141"/>
      <c r="L131" s="1141"/>
      <c r="M131" s="1141"/>
      <c r="N131" s="1141"/>
      <c r="O131" s="1141"/>
      <c r="P131" s="1141"/>
      <c r="Q131" s="1141"/>
      <c r="R131" s="1141"/>
      <c r="S131" s="1141"/>
      <c r="T131" s="1141"/>
      <c r="U131" s="1141"/>
      <c r="V131" s="1141"/>
      <c r="W131" s="1142" t="s">
        <v>511</v>
      </c>
      <c r="X131" s="1143"/>
      <c r="Y131" s="1143"/>
      <c r="Z131" s="1144"/>
      <c r="AA131" s="1039">
        <v>5256183</v>
      </c>
      <c r="AB131" s="1021"/>
      <c r="AC131" s="1021"/>
      <c r="AD131" s="1021"/>
      <c r="AE131" s="1022"/>
      <c r="AF131" s="1020">
        <v>5673332</v>
      </c>
      <c r="AG131" s="1021"/>
      <c r="AH131" s="1021"/>
      <c r="AI131" s="1021"/>
      <c r="AJ131" s="1022"/>
      <c r="AK131" s="1020">
        <v>5451448</v>
      </c>
      <c r="AL131" s="1021"/>
      <c r="AM131" s="1021"/>
      <c r="AN131" s="1021"/>
      <c r="AO131" s="1022"/>
      <c r="AP131" s="1145"/>
      <c r="AQ131" s="1146"/>
      <c r="AR131" s="1146"/>
      <c r="AS131" s="1146"/>
      <c r="AT131" s="1147"/>
      <c r="AU131" s="229"/>
      <c r="AV131" s="229"/>
      <c r="AW131" s="229"/>
      <c r="AX131" s="1118" t="s">
        <v>512</v>
      </c>
      <c r="AY131" s="762"/>
      <c r="AZ131" s="762"/>
      <c r="BA131" s="762"/>
      <c r="BB131" s="762"/>
      <c r="BC131" s="762"/>
      <c r="BD131" s="762"/>
      <c r="BE131" s="1071"/>
      <c r="BF131" s="1119">
        <v>4.9000000000000004</v>
      </c>
      <c r="BG131" s="1120"/>
      <c r="BH131" s="1120"/>
      <c r="BI131" s="1120"/>
      <c r="BJ131" s="1120"/>
      <c r="BK131" s="1120"/>
      <c r="BL131" s="1121"/>
      <c r="BM131" s="1119">
        <v>350</v>
      </c>
      <c r="BN131" s="1120"/>
      <c r="BO131" s="1120"/>
      <c r="BP131" s="1120"/>
      <c r="BQ131" s="1120"/>
      <c r="BR131" s="1120"/>
      <c r="BS131" s="1121"/>
      <c r="BT131" s="1122"/>
      <c r="BU131" s="1123"/>
      <c r="BV131" s="1123"/>
      <c r="BW131" s="1123"/>
      <c r="BX131" s="1123"/>
      <c r="BY131" s="1123"/>
      <c r="BZ131" s="112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25" t="s">
        <v>513</v>
      </c>
      <c r="B132" s="1126"/>
      <c r="C132" s="1126"/>
      <c r="D132" s="1126"/>
      <c r="E132" s="1126"/>
      <c r="F132" s="1126"/>
      <c r="G132" s="1126"/>
      <c r="H132" s="1126"/>
      <c r="I132" s="1126"/>
      <c r="J132" s="1126"/>
      <c r="K132" s="1126"/>
      <c r="L132" s="1126"/>
      <c r="M132" s="1126"/>
      <c r="N132" s="1126"/>
      <c r="O132" s="1126"/>
      <c r="P132" s="1126"/>
      <c r="Q132" s="1126"/>
      <c r="R132" s="1126"/>
      <c r="S132" s="1126"/>
      <c r="T132" s="1126"/>
      <c r="U132" s="1126"/>
      <c r="V132" s="1129" t="s">
        <v>514</v>
      </c>
      <c r="W132" s="1129"/>
      <c r="X132" s="1129"/>
      <c r="Y132" s="1129"/>
      <c r="Z132" s="1130"/>
      <c r="AA132" s="1131">
        <v>4.3256104290000001</v>
      </c>
      <c r="AB132" s="1132"/>
      <c r="AC132" s="1132"/>
      <c r="AD132" s="1132"/>
      <c r="AE132" s="1133"/>
      <c r="AF132" s="1134">
        <v>4.6402889869999999</v>
      </c>
      <c r="AG132" s="1132"/>
      <c r="AH132" s="1132"/>
      <c r="AI132" s="1132"/>
      <c r="AJ132" s="1133"/>
      <c r="AK132" s="1134">
        <v>5.5051245099999999</v>
      </c>
      <c r="AL132" s="1132"/>
      <c r="AM132" s="1132"/>
      <c r="AN132" s="1132"/>
      <c r="AO132" s="1133"/>
      <c r="AP132" s="1036"/>
      <c r="AQ132" s="1037"/>
      <c r="AR132" s="1037"/>
      <c r="AS132" s="1037"/>
      <c r="AT132" s="113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27"/>
      <c r="B133" s="1128"/>
      <c r="C133" s="1128"/>
      <c r="D133" s="1128"/>
      <c r="E133" s="1128"/>
      <c r="F133" s="1128"/>
      <c r="G133" s="1128"/>
      <c r="H133" s="1128"/>
      <c r="I133" s="1128"/>
      <c r="J133" s="1128"/>
      <c r="K133" s="1128"/>
      <c r="L133" s="1128"/>
      <c r="M133" s="1128"/>
      <c r="N133" s="1128"/>
      <c r="O133" s="1128"/>
      <c r="P133" s="1128"/>
      <c r="Q133" s="1128"/>
      <c r="R133" s="1128"/>
      <c r="S133" s="1128"/>
      <c r="T133" s="1128"/>
      <c r="U133" s="1128"/>
      <c r="V133" s="1112" t="s">
        <v>515</v>
      </c>
      <c r="W133" s="1112"/>
      <c r="X133" s="1112"/>
      <c r="Y133" s="1112"/>
      <c r="Z133" s="1113"/>
      <c r="AA133" s="1114">
        <v>5.3</v>
      </c>
      <c r="AB133" s="1115"/>
      <c r="AC133" s="1115"/>
      <c r="AD133" s="1115"/>
      <c r="AE133" s="1116"/>
      <c r="AF133" s="1114">
        <v>4.8</v>
      </c>
      <c r="AG133" s="1115"/>
      <c r="AH133" s="1115"/>
      <c r="AI133" s="1115"/>
      <c r="AJ133" s="1116"/>
      <c r="AK133" s="1114">
        <v>4.8</v>
      </c>
      <c r="AL133" s="1115"/>
      <c r="AM133" s="1115"/>
      <c r="AN133" s="1115"/>
      <c r="AO133" s="1116"/>
      <c r="AP133" s="1063"/>
      <c r="AQ133" s="1064"/>
      <c r="AR133" s="1064"/>
      <c r="AS133" s="1064"/>
      <c r="AT133" s="111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7Kch9KMRdOUVXJ5orwvlJCI/f4vd78ciHNlrTRksF1V6F+24kOzfzTraK19AhuKaHoliXBFKLose7oP3FxsERg==" saltValue="wfIG0EErECcoEvrC9Zg8a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81640625" style="256" customWidth="1"/>
    <col min="121" max="121" width="0" style="255" hidden="1" customWidth="1"/>
    <col min="122" max="16384" width="9" style="255" hidden="1"/>
  </cols>
  <sheetData>
    <row r="1" spans="1:120" ht="13"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5"/>
    </row>
    <row r="17" spans="119:120" ht="13" x14ac:dyDescent="0.2">
      <c r="DP17" s="255"/>
    </row>
    <row r="18" spans="119:120" ht="13" x14ac:dyDescent="0.2"/>
    <row r="19" spans="119:120" ht="13" x14ac:dyDescent="0.2"/>
    <row r="20" spans="119:120" ht="13" x14ac:dyDescent="0.2">
      <c r="DO20" s="255"/>
      <c r="DP20" s="255"/>
    </row>
    <row r="21" spans="119:120" ht="13" x14ac:dyDescent="0.2">
      <c r="DP21" s="255"/>
    </row>
    <row r="22" spans="119:120" ht="13" x14ac:dyDescent="0.2"/>
    <row r="23" spans="119:120" ht="13" x14ac:dyDescent="0.2">
      <c r="DO23" s="255"/>
      <c r="DP23" s="255"/>
    </row>
    <row r="24" spans="119:120" ht="13" x14ac:dyDescent="0.2">
      <c r="DP24" s="255"/>
    </row>
    <row r="25" spans="119:120" ht="13" x14ac:dyDescent="0.2">
      <c r="DP25" s="255"/>
    </row>
    <row r="26" spans="119:120" ht="13" x14ac:dyDescent="0.2">
      <c r="DO26" s="255"/>
      <c r="DP26" s="255"/>
    </row>
    <row r="27" spans="119:120" ht="13" x14ac:dyDescent="0.2"/>
    <row r="28" spans="119:120" ht="13" x14ac:dyDescent="0.2">
      <c r="DO28" s="255"/>
      <c r="DP28" s="255"/>
    </row>
    <row r="29" spans="119:120" ht="13" x14ac:dyDescent="0.2">
      <c r="DP29" s="255"/>
    </row>
    <row r="30" spans="119:120" ht="13" x14ac:dyDescent="0.2"/>
    <row r="31" spans="119:120" ht="13" x14ac:dyDescent="0.2">
      <c r="DO31" s="255"/>
      <c r="DP31" s="255"/>
    </row>
    <row r="32" spans="119:120" ht="13" x14ac:dyDescent="0.2"/>
    <row r="33" spans="98:120" ht="13" x14ac:dyDescent="0.2">
      <c r="DO33" s="255"/>
      <c r="DP33" s="255"/>
    </row>
    <row r="34" spans="98:120" ht="13" x14ac:dyDescent="0.2">
      <c r="DM34" s="255"/>
    </row>
    <row r="35" spans="98:120" ht="13" x14ac:dyDescent="0.2">
      <c r="CT35" s="255"/>
      <c r="CU35" s="255"/>
      <c r="CV35" s="255"/>
      <c r="CY35" s="255"/>
      <c r="CZ35" s="255"/>
      <c r="DA35" s="255"/>
      <c r="DD35" s="255"/>
      <c r="DE35" s="255"/>
      <c r="DF35" s="255"/>
      <c r="DI35" s="255"/>
      <c r="DJ35" s="255"/>
      <c r="DK35" s="255"/>
      <c r="DM35" s="255"/>
      <c r="DN35" s="255"/>
      <c r="DO35" s="255"/>
      <c r="DP35" s="255"/>
    </row>
    <row r="36" spans="98:120" ht="13" x14ac:dyDescent="0.2"/>
    <row r="37" spans="98:120" ht="13" x14ac:dyDescent="0.2">
      <c r="CW37" s="255"/>
      <c r="DB37" s="255"/>
      <c r="DG37" s="255"/>
      <c r="DL37" s="255"/>
      <c r="DP37" s="255"/>
    </row>
    <row r="38" spans="98:120" ht="13"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5"/>
      <c r="DO49" s="255"/>
      <c r="DP49" s="255"/>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5"/>
      <c r="CS63" s="255"/>
      <c r="CX63" s="255"/>
      <c r="DC63" s="255"/>
      <c r="DH63" s="255"/>
    </row>
    <row r="64" spans="22:120" ht="13" x14ac:dyDescent="0.2">
      <c r="V64" s="255"/>
    </row>
    <row r="65" spans="15:120" ht="13"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 x14ac:dyDescent="0.2">
      <c r="Q66" s="255"/>
      <c r="S66" s="255"/>
      <c r="U66" s="255"/>
      <c r="DM66" s="255"/>
    </row>
    <row r="67" spans="15:120" ht="13"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 x14ac:dyDescent="0.2"/>
    <row r="69" spans="15:120" ht="13" x14ac:dyDescent="0.2"/>
    <row r="70" spans="15:120" ht="13" x14ac:dyDescent="0.2"/>
    <row r="71" spans="15:120" ht="13" x14ac:dyDescent="0.2"/>
    <row r="72" spans="15:120" ht="13" x14ac:dyDescent="0.2">
      <c r="DP72" s="255"/>
    </row>
    <row r="73" spans="15:120" ht="13" x14ac:dyDescent="0.2">
      <c r="DP73" s="255"/>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5"/>
      <c r="CX96" s="255"/>
      <c r="DC96" s="255"/>
      <c r="DH96" s="255"/>
    </row>
    <row r="97" spans="24:120" ht="13" x14ac:dyDescent="0.2">
      <c r="CS97" s="255"/>
      <c r="CX97" s="255"/>
      <c r="DC97" s="255"/>
      <c r="DH97" s="255"/>
      <c r="DP97" s="256" t="s">
        <v>516</v>
      </c>
    </row>
    <row r="98" spans="24:120" ht="13" hidden="1" x14ac:dyDescent="0.2">
      <c r="CS98" s="255"/>
      <c r="CX98" s="255"/>
      <c r="DC98" s="255"/>
      <c r="DH98" s="255"/>
    </row>
    <row r="99" spans="24:120" ht="13"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 hidden="1" x14ac:dyDescent="0.2">
      <c r="CT103" s="255"/>
      <c r="CV103" s="255"/>
      <c r="CW103" s="255"/>
      <c r="CY103" s="255"/>
      <c r="DA103" s="255"/>
      <c r="DB103" s="255"/>
      <c r="DD103" s="255"/>
      <c r="DF103" s="255"/>
      <c r="DG103" s="255"/>
      <c r="DI103" s="255"/>
      <c r="DK103" s="255"/>
      <c r="DL103" s="255"/>
      <c r="DM103" s="255"/>
      <c r="DN103" s="255"/>
      <c r="DO103" s="255"/>
      <c r="DP103" s="255"/>
    </row>
    <row r="104" spans="24:120" ht="13"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w8G8wjzPryr+6Qmpd5CcfgvMSvS18g3wG3WsykYx3fdChj8NMaMOGT/NeUKZxa7kyn0/1VFCRxMQYU4JW+Qj+A==" saltValue="KpChRGQi/EEOsGDZVdCEx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56" customWidth="1"/>
    <col min="117" max="16384" width="9" style="255" hidden="1"/>
  </cols>
  <sheetData>
    <row r="1" spans="2:116" ht="13"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 x14ac:dyDescent="0.2"/>
    <row r="3" spans="2:116" ht="13" x14ac:dyDescent="0.2"/>
    <row r="4" spans="2:116" ht="13"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 x14ac:dyDescent="0.2"/>
    <row r="20" spans="9:116" ht="13" x14ac:dyDescent="0.2"/>
    <row r="21" spans="9:116" ht="13" x14ac:dyDescent="0.2">
      <c r="DL21" s="255"/>
    </row>
    <row r="22" spans="9:116" ht="13" x14ac:dyDescent="0.2">
      <c r="DI22" s="255"/>
      <c r="DJ22" s="255"/>
      <c r="DK22" s="255"/>
      <c r="DL22" s="255"/>
    </row>
    <row r="23" spans="9:116" ht="13" x14ac:dyDescent="0.2">
      <c r="CY23" s="255"/>
      <c r="CZ23" s="255"/>
      <c r="DA23" s="255"/>
      <c r="DB23" s="255"/>
      <c r="DC23" s="255"/>
      <c r="DD23" s="255"/>
      <c r="DE23" s="255"/>
      <c r="DF23" s="255"/>
      <c r="DG23" s="255"/>
      <c r="DH23" s="255"/>
      <c r="DI23" s="255"/>
      <c r="DJ23" s="255"/>
      <c r="DK23" s="255"/>
      <c r="DL23" s="255"/>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5"/>
      <c r="DA35" s="255"/>
      <c r="DB35" s="255"/>
      <c r="DC35" s="255"/>
      <c r="DD35" s="255"/>
      <c r="DE35" s="255"/>
      <c r="DF35" s="255"/>
      <c r="DG35" s="255"/>
      <c r="DH35" s="255"/>
      <c r="DI35" s="255"/>
      <c r="DJ35" s="255"/>
      <c r="DK35" s="255"/>
      <c r="DL35" s="255"/>
    </row>
    <row r="36" spans="15:116" ht="13" x14ac:dyDescent="0.2"/>
    <row r="37" spans="15:116" ht="13" x14ac:dyDescent="0.2">
      <c r="DL37" s="255"/>
    </row>
    <row r="38" spans="15:116" ht="13" x14ac:dyDescent="0.2">
      <c r="DI38" s="255"/>
      <c r="DJ38" s="255"/>
      <c r="DK38" s="255"/>
      <c r="DL38" s="255"/>
    </row>
    <row r="39" spans="15:116" ht="13" x14ac:dyDescent="0.2"/>
    <row r="40" spans="15:116" ht="13" x14ac:dyDescent="0.2"/>
    <row r="41" spans="15:116" ht="13" x14ac:dyDescent="0.2"/>
    <row r="42" spans="15:116" ht="13" x14ac:dyDescent="0.2"/>
    <row r="43" spans="15:116" ht="13"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 x14ac:dyDescent="0.2">
      <c r="DL44" s="255"/>
    </row>
    <row r="45" spans="15:116" ht="13" x14ac:dyDescent="0.2"/>
    <row r="46" spans="15:116" ht="13" x14ac:dyDescent="0.2">
      <c r="DA46" s="255"/>
      <c r="DB46" s="255"/>
      <c r="DC46" s="255"/>
      <c r="DD46" s="255"/>
      <c r="DE46" s="255"/>
      <c r="DF46" s="255"/>
      <c r="DG46" s="255"/>
      <c r="DH46" s="255"/>
      <c r="DI46" s="255"/>
      <c r="DJ46" s="255"/>
      <c r="DK46" s="255"/>
      <c r="DL46" s="255"/>
    </row>
    <row r="47" spans="15:116" ht="13" x14ac:dyDescent="0.2"/>
    <row r="48" spans="15:116" ht="13" x14ac:dyDescent="0.2"/>
    <row r="49" spans="104:116" ht="13" x14ac:dyDescent="0.2"/>
    <row r="50" spans="104:116" ht="13" x14ac:dyDescent="0.2">
      <c r="CZ50" s="255"/>
      <c r="DA50" s="255"/>
      <c r="DB50" s="255"/>
      <c r="DC50" s="255"/>
      <c r="DD50" s="255"/>
      <c r="DE50" s="255"/>
      <c r="DF50" s="255"/>
      <c r="DG50" s="255"/>
      <c r="DH50" s="255"/>
      <c r="DI50" s="255"/>
      <c r="DJ50" s="255"/>
      <c r="DK50" s="255"/>
      <c r="DL50" s="255"/>
    </row>
    <row r="51" spans="104:116" ht="13" x14ac:dyDescent="0.2"/>
    <row r="52" spans="104:116" ht="13" x14ac:dyDescent="0.2"/>
    <row r="53" spans="104:116" ht="13" x14ac:dyDescent="0.2">
      <c r="DL53" s="255"/>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5"/>
      <c r="DD67" s="255"/>
      <c r="DE67" s="255"/>
      <c r="DF67" s="255"/>
      <c r="DG67" s="255"/>
      <c r="DH67" s="255"/>
      <c r="DI67" s="255"/>
      <c r="DJ67" s="255"/>
      <c r="DK67" s="255"/>
      <c r="DL67" s="255"/>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lY/u1iKsPCRCYI5rzIgwkvvUnbFEMYDH1/vDlK+hEzIxpvLyo6om/cAt626l2uV4/BZsnjyDr8oghGlf6MayXw==" saltValue="3gAGy4OAkTL6VEpm1Jzh9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57" customWidth="1"/>
    <col min="37" max="44" width="17" style="257" customWidth="1"/>
    <col min="45" max="45" width="6.08984375" style="264" customWidth="1"/>
    <col min="46" max="46" width="3" style="262" customWidth="1"/>
    <col min="47" max="47" width="19.08984375" style="257" hidden="1" customWidth="1"/>
    <col min="48" max="52" width="12.6328125" style="257" hidden="1" customWidth="1"/>
    <col min="53" max="16384" width="8.6328125" style="257" hidden="1"/>
  </cols>
  <sheetData>
    <row r="1" spans="1:46" ht="13" x14ac:dyDescent="0.2">
      <c r="AS1" s="258"/>
      <c r="AT1" s="258"/>
    </row>
    <row r="2" spans="1:46" ht="13" x14ac:dyDescent="0.2">
      <c r="AS2" s="258"/>
      <c r="AT2" s="258"/>
    </row>
    <row r="3" spans="1:46" ht="13" x14ac:dyDescent="0.2">
      <c r="AS3" s="258"/>
      <c r="AT3" s="258"/>
    </row>
    <row r="4" spans="1:46" ht="13" x14ac:dyDescent="0.2">
      <c r="AS4" s="258"/>
      <c r="AT4" s="258"/>
    </row>
    <row r="5" spans="1:46" ht="16.5" x14ac:dyDescent="0.2">
      <c r="A5" s="259" t="s">
        <v>517</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8</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49" t="s">
        <v>519</v>
      </c>
      <c r="AP7" s="268"/>
      <c r="AQ7" s="269" t="s">
        <v>520</v>
      </c>
      <c r="AR7" s="270"/>
    </row>
    <row r="8" spans="1:46" ht="13"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50"/>
      <c r="AP8" s="274" t="s">
        <v>521</v>
      </c>
      <c r="AQ8" s="275" t="s">
        <v>522</v>
      </c>
      <c r="AR8" s="276" t="s">
        <v>523</v>
      </c>
    </row>
    <row r="9" spans="1:46" ht="13"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51" t="s">
        <v>524</v>
      </c>
      <c r="AL9" s="1152"/>
      <c r="AM9" s="1152"/>
      <c r="AN9" s="1153"/>
      <c r="AO9" s="277">
        <v>1988030</v>
      </c>
      <c r="AP9" s="277">
        <v>71192</v>
      </c>
      <c r="AQ9" s="278">
        <v>65553</v>
      </c>
      <c r="AR9" s="279">
        <v>8.6</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51" t="s">
        <v>525</v>
      </c>
      <c r="AL10" s="1152"/>
      <c r="AM10" s="1152"/>
      <c r="AN10" s="1153"/>
      <c r="AO10" s="280">
        <v>2180</v>
      </c>
      <c r="AP10" s="280">
        <v>78</v>
      </c>
      <c r="AQ10" s="281">
        <v>8503</v>
      </c>
      <c r="AR10" s="282">
        <v>-99.1</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51" t="s">
        <v>526</v>
      </c>
      <c r="AL11" s="1152"/>
      <c r="AM11" s="1152"/>
      <c r="AN11" s="1153"/>
      <c r="AO11" s="280" t="s">
        <v>527</v>
      </c>
      <c r="AP11" s="280" t="s">
        <v>527</v>
      </c>
      <c r="AQ11" s="281">
        <v>289</v>
      </c>
      <c r="AR11" s="282" t="s">
        <v>527</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51" t="s">
        <v>528</v>
      </c>
      <c r="AL12" s="1152"/>
      <c r="AM12" s="1152"/>
      <c r="AN12" s="1153"/>
      <c r="AO12" s="280" t="s">
        <v>527</v>
      </c>
      <c r="AP12" s="280" t="s">
        <v>527</v>
      </c>
      <c r="AQ12" s="281">
        <v>23</v>
      </c>
      <c r="AR12" s="282" t="s">
        <v>527</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51" t="s">
        <v>529</v>
      </c>
      <c r="AL13" s="1152"/>
      <c r="AM13" s="1152"/>
      <c r="AN13" s="1153"/>
      <c r="AO13" s="280">
        <v>107248</v>
      </c>
      <c r="AP13" s="280">
        <v>3841</v>
      </c>
      <c r="AQ13" s="281">
        <v>2667</v>
      </c>
      <c r="AR13" s="282">
        <v>44</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51" t="s">
        <v>530</v>
      </c>
      <c r="AL14" s="1152"/>
      <c r="AM14" s="1152"/>
      <c r="AN14" s="1153"/>
      <c r="AO14" s="280">
        <v>14398</v>
      </c>
      <c r="AP14" s="280">
        <v>516</v>
      </c>
      <c r="AQ14" s="281">
        <v>1163</v>
      </c>
      <c r="AR14" s="282">
        <v>-55.6</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54" t="s">
        <v>531</v>
      </c>
      <c r="AL15" s="1155"/>
      <c r="AM15" s="1155"/>
      <c r="AN15" s="1156"/>
      <c r="AO15" s="280">
        <v>-114672</v>
      </c>
      <c r="AP15" s="280">
        <v>-4106</v>
      </c>
      <c r="AQ15" s="281">
        <v>-4250</v>
      </c>
      <c r="AR15" s="282">
        <v>-3.4</v>
      </c>
    </row>
    <row r="16" spans="1:46" ht="13"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54" t="s">
        <v>193</v>
      </c>
      <c r="AL16" s="1155"/>
      <c r="AM16" s="1155"/>
      <c r="AN16" s="1156"/>
      <c r="AO16" s="280">
        <v>1997184</v>
      </c>
      <c r="AP16" s="280">
        <v>71520</v>
      </c>
      <c r="AQ16" s="281">
        <v>73949</v>
      </c>
      <c r="AR16" s="282">
        <v>-3.3</v>
      </c>
    </row>
    <row r="17" spans="1:46" ht="13"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32</v>
      </c>
      <c r="AL19" s="258"/>
      <c r="AM19" s="258"/>
      <c r="AN19" s="258"/>
      <c r="AO19" s="258"/>
      <c r="AP19" s="258"/>
      <c r="AQ19" s="258"/>
      <c r="AR19" s="258"/>
    </row>
    <row r="20" spans="1:46" ht="13"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33</v>
      </c>
      <c r="AP20" s="289" t="s">
        <v>534</v>
      </c>
      <c r="AQ20" s="290" t="s">
        <v>535</v>
      </c>
      <c r="AR20" s="291"/>
    </row>
    <row r="21" spans="1:46" s="297" customFormat="1" ht="13"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57" t="s">
        <v>536</v>
      </c>
      <c r="AL21" s="1158"/>
      <c r="AM21" s="1158"/>
      <c r="AN21" s="1159"/>
      <c r="AO21" s="293">
        <v>7.23</v>
      </c>
      <c r="AP21" s="294">
        <v>6.65</v>
      </c>
      <c r="AQ21" s="295">
        <v>0.57999999999999996</v>
      </c>
      <c r="AR21" s="263"/>
      <c r="AS21" s="296"/>
      <c r="AT21" s="292"/>
    </row>
    <row r="22" spans="1:46" s="297" customFormat="1" ht="13"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57" t="s">
        <v>537</v>
      </c>
      <c r="AL22" s="1158"/>
      <c r="AM22" s="1158"/>
      <c r="AN22" s="1159"/>
      <c r="AO22" s="298">
        <v>97.4</v>
      </c>
      <c r="AP22" s="299">
        <v>97</v>
      </c>
      <c r="AQ22" s="300">
        <v>0.4</v>
      </c>
      <c r="AR22" s="284"/>
      <c r="AS22" s="296"/>
      <c r="AT22" s="292"/>
    </row>
    <row r="23" spans="1:46" s="297" customFormat="1" ht="13"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 x14ac:dyDescent="0.2">
      <c r="A26" s="1148" t="s">
        <v>538</v>
      </c>
      <c r="B26" s="1148"/>
      <c r="C26" s="1148"/>
      <c r="D26" s="1148"/>
      <c r="E26" s="1148"/>
      <c r="F26" s="1148"/>
      <c r="G26" s="1148"/>
      <c r="H26" s="1148"/>
      <c r="I26" s="1148"/>
      <c r="J26" s="1148"/>
      <c r="K26" s="1148"/>
      <c r="L26" s="1148"/>
      <c r="M26" s="1148"/>
      <c r="N26" s="1148"/>
      <c r="O26" s="1148"/>
      <c r="P26" s="1148"/>
      <c r="Q26" s="1148"/>
      <c r="R26" s="1148"/>
      <c r="S26" s="1148"/>
      <c r="T26" s="1148"/>
      <c r="U26" s="1148"/>
      <c r="V26" s="1148"/>
      <c r="W26" s="1148"/>
      <c r="X26" s="1148"/>
      <c r="Y26" s="1148"/>
      <c r="Z26" s="1148"/>
      <c r="AA26" s="1148"/>
      <c r="AB26" s="1148"/>
      <c r="AC26" s="1148"/>
      <c r="AD26" s="1148"/>
      <c r="AE26" s="1148"/>
      <c r="AF26" s="1148"/>
      <c r="AG26" s="1148"/>
      <c r="AH26" s="1148"/>
      <c r="AI26" s="1148"/>
      <c r="AJ26" s="1148"/>
      <c r="AK26" s="1148"/>
      <c r="AL26" s="1148"/>
      <c r="AM26" s="1148"/>
      <c r="AN26" s="1148"/>
      <c r="AO26" s="1148"/>
      <c r="AP26" s="1148"/>
      <c r="AQ26" s="1148"/>
      <c r="AR26" s="1148"/>
      <c r="AS26" s="1148"/>
      <c r="AT26" s="263"/>
    </row>
    <row r="27" spans="1:46" ht="13" x14ac:dyDescent="0.2">
      <c r="A27" s="305"/>
      <c r="AO27" s="258"/>
      <c r="AP27" s="258"/>
      <c r="AQ27" s="258"/>
      <c r="AR27" s="258"/>
      <c r="AS27" s="258"/>
      <c r="AT27" s="258"/>
    </row>
    <row r="28" spans="1:46" ht="16.5" x14ac:dyDescent="0.2">
      <c r="A28" s="259" t="s">
        <v>539</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40</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49" t="s">
        <v>519</v>
      </c>
      <c r="AP30" s="268"/>
      <c r="AQ30" s="269" t="s">
        <v>520</v>
      </c>
      <c r="AR30" s="270"/>
    </row>
    <row r="31" spans="1:46" ht="13"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50"/>
      <c r="AP31" s="274" t="s">
        <v>521</v>
      </c>
      <c r="AQ31" s="275" t="s">
        <v>522</v>
      </c>
      <c r="AR31" s="276" t="s">
        <v>523</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65" t="s">
        <v>541</v>
      </c>
      <c r="AL32" s="1166"/>
      <c r="AM32" s="1166"/>
      <c r="AN32" s="1167"/>
      <c r="AO32" s="308">
        <v>701975</v>
      </c>
      <c r="AP32" s="308">
        <v>25138</v>
      </c>
      <c r="AQ32" s="309">
        <v>33124</v>
      </c>
      <c r="AR32" s="310">
        <v>-24.1</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65" t="s">
        <v>542</v>
      </c>
      <c r="AL33" s="1166"/>
      <c r="AM33" s="1166"/>
      <c r="AN33" s="1167"/>
      <c r="AO33" s="308" t="s">
        <v>527</v>
      </c>
      <c r="AP33" s="308" t="s">
        <v>527</v>
      </c>
      <c r="AQ33" s="309" t="s">
        <v>527</v>
      </c>
      <c r="AR33" s="310" t="s">
        <v>527</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65" t="s">
        <v>543</v>
      </c>
      <c r="AL34" s="1166"/>
      <c r="AM34" s="1166"/>
      <c r="AN34" s="1167"/>
      <c r="AO34" s="308" t="s">
        <v>527</v>
      </c>
      <c r="AP34" s="308" t="s">
        <v>527</v>
      </c>
      <c r="AQ34" s="309" t="s">
        <v>527</v>
      </c>
      <c r="AR34" s="310" t="s">
        <v>527</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65" t="s">
        <v>544</v>
      </c>
      <c r="AL35" s="1166"/>
      <c r="AM35" s="1166"/>
      <c r="AN35" s="1167"/>
      <c r="AO35" s="308">
        <v>287918</v>
      </c>
      <c r="AP35" s="308">
        <v>10310</v>
      </c>
      <c r="AQ35" s="309">
        <v>9022</v>
      </c>
      <c r="AR35" s="310">
        <v>14.3</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65" t="s">
        <v>545</v>
      </c>
      <c r="AL36" s="1166"/>
      <c r="AM36" s="1166"/>
      <c r="AN36" s="1167"/>
      <c r="AO36" s="308" t="s">
        <v>527</v>
      </c>
      <c r="AP36" s="308" t="s">
        <v>527</v>
      </c>
      <c r="AQ36" s="309">
        <v>1987</v>
      </c>
      <c r="AR36" s="310" t="s">
        <v>527</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65" t="s">
        <v>546</v>
      </c>
      <c r="AL37" s="1166"/>
      <c r="AM37" s="1166"/>
      <c r="AN37" s="1167"/>
      <c r="AO37" s="308" t="s">
        <v>527</v>
      </c>
      <c r="AP37" s="308" t="s">
        <v>527</v>
      </c>
      <c r="AQ37" s="309">
        <v>678</v>
      </c>
      <c r="AR37" s="310" t="s">
        <v>527</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68" t="s">
        <v>547</v>
      </c>
      <c r="AL38" s="1169"/>
      <c r="AM38" s="1169"/>
      <c r="AN38" s="1170"/>
      <c r="AO38" s="311" t="s">
        <v>527</v>
      </c>
      <c r="AP38" s="311" t="s">
        <v>527</v>
      </c>
      <c r="AQ38" s="312">
        <v>0</v>
      </c>
      <c r="AR38" s="300" t="s">
        <v>527</v>
      </c>
      <c r="AS38" s="307"/>
    </row>
    <row r="39" spans="1:46" ht="13"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68" t="s">
        <v>548</v>
      </c>
      <c r="AL39" s="1169"/>
      <c r="AM39" s="1169"/>
      <c r="AN39" s="1170"/>
      <c r="AO39" s="308" t="s">
        <v>527</v>
      </c>
      <c r="AP39" s="308" t="s">
        <v>527</v>
      </c>
      <c r="AQ39" s="309">
        <v>-3119</v>
      </c>
      <c r="AR39" s="310" t="s">
        <v>527</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65" t="s">
        <v>549</v>
      </c>
      <c r="AL40" s="1166"/>
      <c r="AM40" s="1166"/>
      <c r="AN40" s="1167"/>
      <c r="AO40" s="308">
        <v>-689784</v>
      </c>
      <c r="AP40" s="308">
        <v>-24701</v>
      </c>
      <c r="AQ40" s="309">
        <v>-27108</v>
      </c>
      <c r="AR40" s="310">
        <v>-8.9</v>
      </c>
      <c r="AS40" s="307"/>
    </row>
    <row r="41" spans="1:46" ht="13"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71" t="s">
        <v>307</v>
      </c>
      <c r="AL41" s="1172"/>
      <c r="AM41" s="1172"/>
      <c r="AN41" s="1173"/>
      <c r="AO41" s="308">
        <v>300109</v>
      </c>
      <c r="AP41" s="308">
        <v>10747</v>
      </c>
      <c r="AQ41" s="309">
        <v>14583</v>
      </c>
      <c r="AR41" s="310">
        <v>-26.3</v>
      </c>
      <c r="AS41" s="307"/>
    </row>
    <row r="42" spans="1:46" ht="13"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50</v>
      </c>
      <c r="AL42" s="258"/>
      <c r="AM42" s="258"/>
      <c r="AN42" s="258"/>
      <c r="AO42" s="258"/>
      <c r="AP42" s="258"/>
      <c r="AQ42" s="284"/>
      <c r="AR42" s="284"/>
      <c r="AS42" s="307"/>
    </row>
    <row r="43" spans="1:46" ht="13"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51</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52</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60" t="s">
        <v>519</v>
      </c>
      <c r="AN49" s="1162" t="s">
        <v>553</v>
      </c>
      <c r="AO49" s="1163"/>
      <c r="AP49" s="1163"/>
      <c r="AQ49" s="1163"/>
      <c r="AR49" s="1164"/>
    </row>
    <row r="50" spans="1:44" ht="13"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61"/>
      <c r="AN50" s="324" t="s">
        <v>554</v>
      </c>
      <c r="AO50" s="325" t="s">
        <v>555</v>
      </c>
      <c r="AP50" s="326" t="s">
        <v>556</v>
      </c>
      <c r="AQ50" s="327" t="s">
        <v>557</v>
      </c>
      <c r="AR50" s="328" t="s">
        <v>558</v>
      </c>
    </row>
    <row r="51" spans="1:44" ht="13"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9</v>
      </c>
      <c r="AL51" s="321"/>
      <c r="AM51" s="329">
        <v>333536</v>
      </c>
      <c r="AN51" s="330">
        <v>11584</v>
      </c>
      <c r="AO51" s="331">
        <v>-37</v>
      </c>
      <c r="AP51" s="332">
        <v>47387</v>
      </c>
      <c r="AQ51" s="333">
        <v>-9.1999999999999993</v>
      </c>
      <c r="AR51" s="334">
        <v>-27.8</v>
      </c>
    </row>
    <row r="52" spans="1:44" ht="13"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60</v>
      </c>
      <c r="AM52" s="337">
        <v>283216</v>
      </c>
      <c r="AN52" s="338">
        <v>9837</v>
      </c>
      <c r="AO52" s="339">
        <v>-22</v>
      </c>
      <c r="AP52" s="340">
        <v>24928</v>
      </c>
      <c r="AQ52" s="341">
        <v>0.3</v>
      </c>
      <c r="AR52" s="342">
        <v>-22.3</v>
      </c>
    </row>
    <row r="53" spans="1:44" ht="13"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61</v>
      </c>
      <c r="AL53" s="321"/>
      <c r="AM53" s="329">
        <v>1377876</v>
      </c>
      <c r="AN53" s="330">
        <v>48267</v>
      </c>
      <c r="AO53" s="331">
        <v>316.7</v>
      </c>
      <c r="AP53" s="332">
        <v>51264</v>
      </c>
      <c r="AQ53" s="333">
        <v>8.1999999999999993</v>
      </c>
      <c r="AR53" s="334">
        <v>308.5</v>
      </c>
    </row>
    <row r="54" spans="1:44" ht="13"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60</v>
      </c>
      <c r="AM54" s="337">
        <v>918524</v>
      </c>
      <c r="AN54" s="338">
        <v>32176</v>
      </c>
      <c r="AO54" s="339">
        <v>227.1</v>
      </c>
      <c r="AP54" s="340">
        <v>26040</v>
      </c>
      <c r="AQ54" s="341">
        <v>4.5</v>
      </c>
      <c r="AR54" s="342">
        <v>222.6</v>
      </c>
    </row>
    <row r="55" spans="1:44" ht="13"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62</v>
      </c>
      <c r="AL55" s="321"/>
      <c r="AM55" s="329">
        <v>447644</v>
      </c>
      <c r="AN55" s="330">
        <v>15806</v>
      </c>
      <c r="AO55" s="331">
        <v>-67.3</v>
      </c>
      <c r="AP55" s="332">
        <v>52068</v>
      </c>
      <c r="AQ55" s="333">
        <v>1.6</v>
      </c>
      <c r="AR55" s="334">
        <v>-68.900000000000006</v>
      </c>
    </row>
    <row r="56" spans="1:44" ht="13"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60</v>
      </c>
      <c r="AM56" s="337">
        <v>381285</v>
      </c>
      <c r="AN56" s="338">
        <v>13463</v>
      </c>
      <c r="AO56" s="339">
        <v>-58.2</v>
      </c>
      <c r="AP56" s="340">
        <v>26936</v>
      </c>
      <c r="AQ56" s="341">
        <v>3.4</v>
      </c>
      <c r="AR56" s="342">
        <v>-61.6</v>
      </c>
    </row>
    <row r="57" spans="1:44" ht="13"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63</v>
      </c>
      <c r="AL57" s="321"/>
      <c r="AM57" s="329">
        <v>301965</v>
      </c>
      <c r="AN57" s="330">
        <v>10714</v>
      </c>
      <c r="AO57" s="331">
        <v>-32.200000000000003</v>
      </c>
      <c r="AP57" s="332">
        <v>47161</v>
      </c>
      <c r="AQ57" s="333">
        <v>-9.4</v>
      </c>
      <c r="AR57" s="334">
        <v>-22.8</v>
      </c>
    </row>
    <row r="58" spans="1:44" ht="13"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60</v>
      </c>
      <c r="AM58" s="337">
        <v>225683</v>
      </c>
      <c r="AN58" s="338">
        <v>8008</v>
      </c>
      <c r="AO58" s="339">
        <v>-40.5</v>
      </c>
      <c r="AP58" s="340">
        <v>24595</v>
      </c>
      <c r="AQ58" s="341">
        <v>-8.6999999999999993</v>
      </c>
      <c r="AR58" s="342">
        <v>-31.8</v>
      </c>
    </row>
    <row r="59" spans="1:44" ht="13"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64</v>
      </c>
      <c r="AL59" s="321"/>
      <c r="AM59" s="329">
        <v>511566</v>
      </c>
      <c r="AN59" s="330">
        <v>18319</v>
      </c>
      <c r="AO59" s="331">
        <v>71</v>
      </c>
      <c r="AP59" s="332">
        <v>43423</v>
      </c>
      <c r="AQ59" s="333">
        <v>-7.9</v>
      </c>
      <c r="AR59" s="334">
        <v>78.900000000000006</v>
      </c>
    </row>
    <row r="60" spans="1:44" ht="13"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60</v>
      </c>
      <c r="AM60" s="337">
        <v>386680</v>
      </c>
      <c r="AN60" s="338">
        <v>13847</v>
      </c>
      <c r="AO60" s="339">
        <v>72.900000000000006</v>
      </c>
      <c r="AP60" s="340">
        <v>22207</v>
      </c>
      <c r="AQ60" s="341">
        <v>-9.6999999999999993</v>
      </c>
      <c r="AR60" s="342">
        <v>82.6</v>
      </c>
    </row>
    <row r="61" spans="1:44" ht="13"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65</v>
      </c>
      <c r="AL61" s="343"/>
      <c r="AM61" s="344">
        <v>594517</v>
      </c>
      <c r="AN61" s="345">
        <v>20938</v>
      </c>
      <c r="AO61" s="346">
        <v>50.2</v>
      </c>
      <c r="AP61" s="347">
        <v>48261</v>
      </c>
      <c r="AQ61" s="348">
        <v>-3.3</v>
      </c>
      <c r="AR61" s="334">
        <v>53.5</v>
      </c>
    </row>
    <row r="62" spans="1:44" ht="13"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60</v>
      </c>
      <c r="AM62" s="337">
        <v>439078</v>
      </c>
      <c r="AN62" s="338">
        <v>15466</v>
      </c>
      <c r="AO62" s="339">
        <v>35.9</v>
      </c>
      <c r="AP62" s="340">
        <v>24941</v>
      </c>
      <c r="AQ62" s="341">
        <v>-2</v>
      </c>
      <c r="AR62" s="342">
        <v>37.9</v>
      </c>
    </row>
    <row r="63" spans="1:44" ht="13"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 hidden="1" x14ac:dyDescent="0.2">
      <c r="AK70" s="258"/>
      <c r="AL70" s="258"/>
      <c r="AM70" s="258"/>
      <c r="AN70" s="258"/>
      <c r="AO70" s="258"/>
      <c r="AP70" s="258"/>
      <c r="AQ70" s="258"/>
      <c r="AR70" s="258"/>
    </row>
    <row r="71" spans="1:46" ht="13" hidden="1" x14ac:dyDescent="0.2">
      <c r="AK71" s="258"/>
      <c r="AL71" s="258"/>
      <c r="AM71" s="258"/>
      <c r="AN71" s="258"/>
      <c r="AO71" s="258"/>
      <c r="AP71" s="258"/>
      <c r="AQ71" s="258"/>
      <c r="AR71" s="258"/>
    </row>
    <row r="72" spans="1:46" ht="13" hidden="1" x14ac:dyDescent="0.2">
      <c r="AK72" s="258"/>
      <c r="AL72" s="258"/>
      <c r="AM72" s="258"/>
      <c r="AN72" s="258"/>
      <c r="AO72" s="258"/>
      <c r="AP72" s="258"/>
      <c r="AQ72" s="258"/>
      <c r="AR72" s="258"/>
    </row>
    <row r="73" spans="1:46" ht="13" hidden="1" x14ac:dyDescent="0.2">
      <c r="AK73" s="258"/>
      <c r="AL73" s="258"/>
      <c r="AM73" s="258"/>
      <c r="AN73" s="258"/>
      <c r="AO73" s="258"/>
      <c r="AP73" s="258"/>
      <c r="AQ73" s="258"/>
      <c r="AR73" s="258"/>
    </row>
  </sheetData>
  <sheetProtection algorithmName="SHA-512" hashValue="D4o8OxHvNrZv2f5HM7b00/0eI4lleO95FkzhJR9Aadm2iuBEIaGR1M74Iu4pCKbu53dW3Bk0FOlTuqyZwbUxxA==" saltValue="wmChJq18MiINejki/6Swl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 x14ac:dyDescent="0.2">
      <c r="B2" s="255"/>
      <c r="DG2" s="255"/>
    </row>
    <row r="3" spans="2:125" ht="13"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 x14ac:dyDescent="0.2"/>
    <row r="5" spans="2:125" ht="13" x14ac:dyDescent="0.2"/>
    <row r="6" spans="2:125" ht="13" x14ac:dyDescent="0.2"/>
    <row r="7" spans="2:125" ht="13" x14ac:dyDescent="0.2"/>
    <row r="8" spans="2:125" ht="13" x14ac:dyDescent="0.2"/>
    <row r="9" spans="2:125" ht="13" x14ac:dyDescent="0.2">
      <c r="DU9" s="255"/>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5"/>
    </row>
    <row r="18" spans="125:125" ht="13" x14ac:dyDescent="0.2"/>
    <row r="19" spans="125:125" ht="13" x14ac:dyDescent="0.2"/>
    <row r="20" spans="125:125" ht="13" x14ac:dyDescent="0.2">
      <c r="DU20" s="255"/>
    </row>
    <row r="21" spans="125:125" ht="13" x14ac:dyDescent="0.2">
      <c r="DU21" s="255"/>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5"/>
    </row>
    <row r="29" spans="125:125" ht="13" x14ac:dyDescent="0.2"/>
    <row r="30" spans="125:125" ht="13" x14ac:dyDescent="0.2"/>
    <row r="31" spans="125:125" ht="13" x14ac:dyDescent="0.2"/>
    <row r="32" spans="125:125" ht="13" x14ac:dyDescent="0.2"/>
    <row r="33" spans="2:125" ht="13" x14ac:dyDescent="0.2">
      <c r="B33" s="255"/>
      <c r="G33" s="255"/>
      <c r="I33" s="255"/>
    </row>
    <row r="34" spans="2:125" ht="13" x14ac:dyDescent="0.2">
      <c r="C34" s="255"/>
      <c r="P34" s="255"/>
      <c r="DE34" s="255"/>
      <c r="DH34" s="255"/>
    </row>
    <row r="35" spans="2:125" ht="13" x14ac:dyDescent="0.2">
      <c r="D35" s="255"/>
      <c r="E35" s="255"/>
      <c r="DG35" s="255"/>
      <c r="DJ35" s="255"/>
      <c r="DP35" s="255"/>
      <c r="DQ35" s="255"/>
      <c r="DR35" s="255"/>
      <c r="DS35" s="255"/>
      <c r="DT35" s="255"/>
      <c r="DU35" s="255"/>
    </row>
    <row r="36" spans="2:125" ht="13"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 x14ac:dyDescent="0.2">
      <c r="DU37" s="255"/>
    </row>
    <row r="38" spans="2:125" ht="13" x14ac:dyDescent="0.2">
      <c r="DT38" s="255"/>
      <c r="DU38" s="255"/>
    </row>
    <row r="39" spans="2:125" ht="13" x14ac:dyDescent="0.2"/>
    <row r="40" spans="2:125" ht="13" x14ac:dyDescent="0.2">
      <c r="DH40" s="255"/>
    </row>
    <row r="41" spans="2:125" ht="13" x14ac:dyDescent="0.2">
      <c r="DE41" s="255"/>
    </row>
    <row r="42" spans="2:125" ht="13" x14ac:dyDescent="0.2">
      <c r="DG42" s="255"/>
      <c r="DJ42" s="255"/>
    </row>
    <row r="43" spans="2:125" ht="13"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 x14ac:dyDescent="0.2">
      <c r="DU44" s="255"/>
    </row>
    <row r="45" spans="2:125" ht="13" x14ac:dyDescent="0.2"/>
    <row r="46" spans="2:125" ht="13" x14ac:dyDescent="0.2"/>
    <row r="47" spans="2:125" ht="13" x14ac:dyDescent="0.2"/>
    <row r="48" spans="2:125" ht="13" x14ac:dyDescent="0.2">
      <c r="DT48" s="255"/>
      <c r="DU48" s="255"/>
    </row>
    <row r="49" spans="120:125" ht="13" x14ac:dyDescent="0.2">
      <c r="DU49" s="255"/>
    </row>
    <row r="50" spans="120:125" ht="13" x14ac:dyDescent="0.2">
      <c r="DU50" s="255"/>
    </row>
    <row r="51" spans="120:125" ht="13" x14ac:dyDescent="0.2">
      <c r="DP51" s="255"/>
      <c r="DQ51" s="255"/>
      <c r="DR51" s="255"/>
      <c r="DS51" s="255"/>
      <c r="DT51" s="255"/>
      <c r="DU51" s="255"/>
    </row>
    <row r="52" spans="120:125" ht="13" x14ac:dyDescent="0.2"/>
    <row r="53" spans="120:125" ht="13" x14ac:dyDescent="0.2"/>
    <row r="54" spans="120:125" ht="13" x14ac:dyDescent="0.2">
      <c r="DU54" s="255"/>
    </row>
    <row r="55" spans="120:125" ht="13" x14ac:dyDescent="0.2"/>
    <row r="56" spans="120:125" ht="13" x14ac:dyDescent="0.2"/>
    <row r="57" spans="120:125" ht="13" x14ac:dyDescent="0.2"/>
    <row r="58" spans="120:125" ht="13" x14ac:dyDescent="0.2">
      <c r="DU58" s="255"/>
    </row>
    <row r="59" spans="120:125" ht="13" x14ac:dyDescent="0.2"/>
    <row r="60" spans="120:125" ht="13" x14ac:dyDescent="0.2"/>
    <row r="61" spans="120:125" ht="13" x14ac:dyDescent="0.2"/>
    <row r="62" spans="120:125" ht="13" x14ac:dyDescent="0.2"/>
    <row r="63" spans="120:125" ht="13" x14ac:dyDescent="0.2">
      <c r="DU63" s="255"/>
    </row>
    <row r="64" spans="120:125" ht="13" x14ac:dyDescent="0.2">
      <c r="DT64" s="255"/>
      <c r="DU64" s="255"/>
    </row>
    <row r="65" spans="123:125" ht="13" x14ac:dyDescent="0.2"/>
    <row r="66" spans="123:125" ht="13" x14ac:dyDescent="0.2"/>
    <row r="67" spans="123:125" ht="13" x14ac:dyDescent="0.2"/>
    <row r="68" spans="123:125" ht="13" x14ac:dyDescent="0.2"/>
    <row r="69" spans="123:125" ht="13" x14ac:dyDescent="0.2">
      <c r="DS69" s="255"/>
      <c r="DT69" s="255"/>
      <c r="DU69" s="255"/>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5"/>
    </row>
    <row r="83" spans="116:125" ht="13" x14ac:dyDescent="0.2">
      <c r="DM83" s="255"/>
      <c r="DN83" s="255"/>
      <c r="DO83" s="255"/>
      <c r="DP83" s="255"/>
      <c r="DQ83" s="255"/>
      <c r="DR83" s="255"/>
      <c r="DS83" s="255"/>
      <c r="DT83" s="255"/>
      <c r="DU83" s="255"/>
    </row>
    <row r="84" spans="116:125" ht="13" x14ac:dyDescent="0.2"/>
    <row r="85" spans="116:125" ht="13" x14ac:dyDescent="0.2"/>
    <row r="86" spans="116:125" ht="13" x14ac:dyDescent="0.2"/>
    <row r="87" spans="116:125" ht="13" x14ac:dyDescent="0.2"/>
    <row r="88" spans="116:125" ht="13" x14ac:dyDescent="0.2">
      <c r="DU88" s="255"/>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7</v>
      </c>
    </row>
    <row r="120" spans="125:125" ht="13.5" hidden="1" customHeight="1" x14ac:dyDescent="0.2"/>
    <row r="121" spans="125:125" ht="13.5" hidden="1" customHeight="1" x14ac:dyDescent="0.2">
      <c r="DU121" s="255"/>
    </row>
  </sheetData>
  <sheetProtection algorithmName="SHA-512" hashValue="d2O8UprGM1IMjjINFraSHeSsD9caNimFbGHXT8HoUYO/vxZWEvLNCYPgPbuXUZ9PwqO/aDI0nX10NDFEBnsP9Q==" saltValue="f8MAcnuMBogQ0Qlk+2rVa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 x14ac:dyDescent="0.2">
      <c r="B2" s="255"/>
      <c r="T2" s="255"/>
    </row>
    <row r="3" spans="1:125"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5"/>
      <c r="G33" s="255"/>
      <c r="I33" s="255"/>
    </row>
    <row r="34" spans="2:125" ht="13" x14ac:dyDescent="0.2">
      <c r="C34" s="255"/>
      <c r="P34" s="255"/>
      <c r="R34" s="255"/>
      <c r="U34" s="255"/>
    </row>
    <row r="35" spans="2:125" ht="13"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 x14ac:dyDescent="0.2">
      <c r="F36" s="255"/>
      <c r="H36" s="255"/>
      <c r="J36" s="255"/>
      <c r="K36" s="255"/>
      <c r="L36" s="255"/>
      <c r="M36" s="255"/>
      <c r="N36" s="255"/>
      <c r="O36" s="255"/>
      <c r="Q36" s="255"/>
      <c r="S36" s="255"/>
      <c r="V36" s="255"/>
    </row>
    <row r="37" spans="2:125" ht="13" x14ac:dyDescent="0.2"/>
    <row r="38" spans="2:125" ht="13" x14ac:dyDescent="0.2"/>
    <row r="39" spans="2:125" ht="13" x14ac:dyDescent="0.2"/>
    <row r="40" spans="2:125" ht="13" x14ac:dyDescent="0.2">
      <c r="U40" s="255"/>
    </row>
    <row r="41" spans="2:125" ht="13" x14ac:dyDescent="0.2">
      <c r="R41" s="255"/>
    </row>
    <row r="42" spans="2:125" ht="13"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 x14ac:dyDescent="0.2">
      <c r="Q43" s="255"/>
      <c r="S43" s="255"/>
      <c r="V43" s="255"/>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8</v>
      </c>
    </row>
  </sheetData>
  <sheetProtection algorithmName="SHA-512" hashValue="ZY+YJwpvS6BRw0QhR4aIqGGnqX8Vh3rFUxzgrjuoiGV1/1xjwPWgqG5GQbmouJIgjNS/aqe9oKO473AHU6wClQ==" saltValue="RhcpaMv611l1NxPL33n+Y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6"/>
  <sheetViews>
    <sheetView showGridLines="0" zoomScaleNormal="100" zoomScaleSheetLayoutView="100" workbookViewId="0"/>
  </sheetViews>
  <sheetFormatPr defaultColWidth="0" defaultRowHeight="13.5" customHeight="1" zeroHeight="1" x14ac:dyDescent="0.2"/>
  <cols>
    <col min="1" max="1" width="8.179687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69</v>
      </c>
      <c r="G46" s="8" t="s">
        <v>570</v>
      </c>
      <c r="H46" s="8" t="s">
        <v>571</v>
      </c>
      <c r="I46" s="8" t="s">
        <v>572</v>
      </c>
      <c r="J46" s="9" t="s">
        <v>573</v>
      </c>
    </row>
    <row r="47" spans="2:10" ht="57.75" customHeight="1" x14ac:dyDescent="0.2">
      <c r="B47" s="10"/>
      <c r="C47" s="1174" t="s">
        <v>3</v>
      </c>
      <c r="D47" s="1174"/>
      <c r="E47" s="1175"/>
      <c r="F47" s="11">
        <v>15.24</v>
      </c>
      <c r="G47" s="12">
        <v>16.21</v>
      </c>
      <c r="H47" s="12">
        <v>14.06</v>
      </c>
      <c r="I47" s="12">
        <v>14.84</v>
      </c>
      <c r="J47" s="13">
        <v>16.010000000000002</v>
      </c>
    </row>
    <row r="48" spans="2:10" ht="57.75" customHeight="1" x14ac:dyDescent="0.2">
      <c r="B48" s="14"/>
      <c r="C48" s="1176" t="s">
        <v>4</v>
      </c>
      <c r="D48" s="1176"/>
      <c r="E48" s="1177"/>
      <c r="F48" s="15">
        <v>4.37</v>
      </c>
      <c r="G48" s="16">
        <v>4.91</v>
      </c>
      <c r="H48" s="16">
        <v>6.6</v>
      </c>
      <c r="I48" s="16">
        <v>8.23</v>
      </c>
      <c r="J48" s="17">
        <v>7.78</v>
      </c>
    </row>
    <row r="49" spans="2:10" ht="57.75" customHeight="1" thickBot="1" x14ac:dyDescent="0.25">
      <c r="B49" s="18"/>
      <c r="C49" s="1178" t="s">
        <v>5</v>
      </c>
      <c r="D49" s="1178"/>
      <c r="E49" s="1179"/>
      <c r="F49" s="19">
        <v>0.61</v>
      </c>
      <c r="G49" s="20">
        <v>1.56</v>
      </c>
      <c r="H49" s="20">
        <v>0.18</v>
      </c>
      <c r="I49" s="20">
        <v>3.77</v>
      </c>
      <c r="J49" s="21" t="s">
        <v>574</v>
      </c>
    </row>
    <row r="50" spans="2:10" ht="13" x14ac:dyDescent="0.2"/>
    <row r="51" spans="2:10" ht="13.5" hidden="1" customHeight="1" x14ac:dyDescent="0.2"/>
    <row r="52" spans="2:10" ht="13.5" hidden="1" customHeight="1" x14ac:dyDescent="0.2"/>
    <row r="53" spans="2:10" ht="13.5" hidden="1" customHeight="1" x14ac:dyDescent="0.2"/>
    <row r="54" spans="2:10" ht="13.5" hidden="1" customHeight="1" x14ac:dyDescent="0.2"/>
    <row r="55" spans="2:10" ht="13.5" hidden="1" customHeight="1" x14ac:dyDescent="0.2"/>
    <row r="56" spans="2:10" ht="13.5" hidden="1" customHeight="1" x14ac:dyDescent="0.2"/>
  </sheetData>
  <sheetProtection algorithmName="SHA-512" hashValue="r2WEgInL3NMFtRw6Ukctfh9lWmW5mnH1uLQOt408z+0aFWQx877rzYIDjFcFC+ONKLqdmfjwQ6vaR7eMswc7GA==" saltValue="jlP25NmuJV+T4fYh9wFrc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2T08:03:31Z</cp:lastPrinted>
  <dcterms:created xsi:type="dcterms:W3CDTF">2024-03-14T02:07:42Z</dcterms:created>
  <dcterms:modified xsi:type="dcterms:W3CDTF">2024-09-26T04:33:51Z</dcterms:modified>
  <cp:category/>
</cp:coreProperties>
</file>